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46"/>
  </p:sldMasterIdLst>
  <p:notesMasterIdLst>
    <p:notesMasterId r:id="rId49"/>
  </p:notesMasterIdLst>
  <p:handoutMasterIdLst>
    <p:handoutMasterId r:id="rId50"/>
  </p:handoutMasterIdLst>
  <p:sldIdLst>
    <p:sldId id="265" r:id="rId47"/>
    <p:sldId id="269" r:id="rId48"/>
  </p:sldIdLst>
  <p:sldSz cx="12192000" cy="6858000"/>
  <p:notesSz cx="6858000" cy="9144000"/>
  <p:custDataLst>
    <p:tags r:id="rId51"/>
  </p:custDataLst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4003C"/>
    <a:srgbClr val="646363"/>
    <a:srgbClr val="9D9D9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6B6D0F7-0EFB-EC42-A9F5-B3188C45BE69}" v="38" dt="2023-02-14T13:56:56.931"/>
    <p1510:client id="{56C746E9-EA8B-483E-B70F-7435F5F9FF57}" v="247" dt="2023-02-14T13:57:53.09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11"/>
    <p:restoredTop sz="94694"/>
  </p:normalViewPr>
  <p:slideViewPr>
    <p:cSldViewPr snapToGrid="0">
      <p:cViewPr varScale="1">
        <p:scale>
          <a:sx n="121" d="100"/>
          <a:sy n="121" d="100"/>
        </p:scale>
        <p:origin x="744" y="176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slide" Target="slides/slide1.xml"/><Relationship Id="rId50" Type="http://schemas.openxmlformats.org/officeDocument/2006/relationships/handoutMaster" Target="handoutMasters/handoutMaster1.xml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viewProps" Target="viewProps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" Target="slides/slide2.xml"/><Relationship Id="rId56" Type="http://schemas.microsoft.com/office/2016/11/relationships/changesInfo" Target="changesInfos/changesInfo1.xml"/><Relationship Id="rId8" Type="http://schemas.openxmlformats.org/officeDocument/2006/relationships/customXml" Target="../customXml/item8.xml"/><Relationship Id="rId51" Type="http://schemas.openxmlformats.org/officeDocument/2006/relationships/tags" Target="tags/tag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Master" Target="slideMasters/slideMaster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notesMaster" Target="notesMasters/notesMaster1.xml"/><Relationship Id="rId57" Type="http://schemas.microsoft.com/office/2015/10/relationships/revisionInfo" Target="revisionInfo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rakenberger, Etna Rosa (LEHRE)" userId="46d1a0d6-d405-4aaa-922a-2fe4baaa94da" providerId="ADAL" clId="{16B6D0F7-0EFB-EC42-A9F5-B3188C45BE69}"/>
    <pc:docChg chg="custSel modSld">
      <pc:chgData name="Krakenberger, Etna Rosa (LEHRE)" userId="46d1a0d6-d405-4aaa-922a-2fe4baaa94da" providerId="ADAL" clId="{16B6D0F7-0EFB-EC42-A9F5-B3188C45BE69}" dt="2023-02-14T13:56:56.932" v="34" actId="1038"/>
      <pc:docMkLst>
        <pc:docMk/>
      </pc:docMkLst>
      <pc:sldChg chg="delSp modSp mod">
        <pc:chgData name="Krakenberger, Etna Rosa (LEHRE)" userId="46d1a0d6-d405-4aaa-922a-2fe4baaa94da" providerId="ADAL" clId="{16B6D0F7-0EFB-EC42-A9F5-B3188C45BE69}" dt="2023-02-14T13:56:56.932" v="34" actId="1038"/>
        <pc:sldMkLst>
          <pc:docMk/>
          <pc:sldMk cId="3574007650" sldId="265"/>
        </pc:sldMkLst>
        <pc:picChg chg="mod">
          <ac:chgData name="Krakenberger, Etna Rosa (LEHRE)" userId="46d1a0d6-d405-4aaa-922a-2fe4baaa94da" providerId="ADAL" clId="{16B6D0F7-0EFB-EC42-A9F5-B3188C45BE69}" dt="2023-02-14T13:56:56.932" v="34" actId="1038"/>
          <ac:picMkLst>
            <pc:docMk/>
            <pc:sldMk cId="3574007650" sldId="265"/>
            <ac:picMk id="6" creationId="{E6FC96CD-668E-3E46-6958-058E9C79CA6D}"/>
          </ac:picMkLst>
        </pc:picChg>
        <pc:picChg chg="mod">
          <ac:chgData name="Krakenberger, Etna Rosa (LEHRE)" userId="46d1a0d6-d405-4aaa-922a-2fe4baaa94da" providerId="ADAL" clId="{16B6D0F7-0EFB-EC42-A9F5-B3188C45BE69}" dt="2023-02-14T13:56:55.375" v="33" actId="1038"/>
          <ac:picMkLst>
            <pc:docMk/>
            <pc:sldMk cId="3574007650" sldId="265"/>
            <ac:picMk id="8" creationId="{707D8EB3-A0AC-565E-45A1-366093DD507B}"/>
          </ac:picMkLst>
        </pc:picChg>
        <pc:picChg chg="mod">
          <ac:chgData name="Krakenberger, Etna Rosa (LEHRE)" userId="46d1a0d6-d405-4aaa-922a-2fe4baaa94da" providerId="ADAL" clId="{16B6D0F7-0EFB-EC42-A9F5-B3188C45BE69}" dt="2023-02-14T13:56:43.337" v="32" actId="1038"/>
          <ac:picMkLst>
            <pc:docMk/>
            <pc:sldMk cId="3574007650" sldId="265"/>
            <ac:picMk id="16" creationId="{85004EDE-5AC9-94DE-9F8F-B3F3D0FE14DE}"/>
          </ac:picMkLst>
        </pc:picChg>
        <pc:picChg chg="del">
          <ac:chgData name="Krakenberger, Etna Rosa (LEHRE)" userId="46d1a0d6-d405-4aaa-922a-2fe4baaa94da" providerId="ADAL" clId="{16B6D0F7-0EFB-EC42-A9F5-B3188C45BE69}" dt="2023-02-14T13:50:48.924" v="0" actId="478"/>
          <ac:picMkLst>
            <pc:docMk/>
            <pc:sldMk cId="3574007650" sldId="265"/>
            <ac:picMk id="17" creationId="{7C58E739-6C5F-747E-A376-3FA5E9E1DEC6}"/>
          </ac:picMkLst>
        </pc:picChg>
      </pc:sldChg>
      <pc:sldChg chg="modSp mod">
        <pc:chgData name="Krakenberger, Etna Rosa (LEHRE)" userId="46d1a0d6-d405-4aaa-922a-2fe4baaa94da" providerId="ADAL" clId="{16B6D0F7-0EFB-EC42-A9F5-B3188C45BE69}" dt="2023-02-14T13:53:06.891" v="5" actId="1076"/>
        <pc:sldMkLst>
          <pc:docMk/>
          <pc:sldMk cId="3503693443" sldId="269"/>
        </pc:sldMkLst>
        <pc:spChg chg="mod">
          <ac:chgData name="Krakenberger, Etna Rosa (LEHRE)" userId="46d1a0d6-d405-4aaa-922a-2fe4baaa94da" providerId="ADAL" clId="{16B6D0F7-0EFB-EC42-A9F5-B3188C45BE69}" dt="2023-02-14T13:53:06.891" v="5" actId="1076"/>
          <ac:spMkLst>
            <pc:docMk/>
            <pc:sldMk cId="3503693443" sldId="269"/>
            <ac:spMk id="8" creationId="{C4F6631A-B522-4435-B248-27B16DE13D5E}"/>
          </ac:spMkLst>
        </pc:spChg>
        <pc:spChg chg="mod">
          <ac:chgData name="Krakenberger, Etna Rosa (LEHRE)" userId="46d1a0d6-d405-4aaa-922a-2fe4baaa94da" providerId="ADAL" clId="{16B6D0F7-0EFB-EC42-A9F5-B3188C45BE69}" dt="2023-02-14T13:52:30.608" v="4" actId="1076"/>
          <ac:spMkLst>
            <pc:docMk/>
            <pc:sldMk cId="3503693443" sldId="269"/>
            <ac:spMk id="9" creationId="{1865CB9B-89FE-5E86-08E3-1016B8E1A3EA}"/>
          </ac:spMkLst>
        </pc:spChg>
      </pc:sldChg>
    </pc:docChg>
  </pc:docChgLst>
  <pc:docChgLst>
    <pc:chgData name="Nebel, Kerstin (LEHRE)" userId="982f04b6-7734-4053-a7af-c1e328b12dd0" providerId="ADAL" clId="{56C746E9-EA8B-483E-B70F-7435F5F9FF57}"/>
    <pc:docChg chg="undo custSel addSld delSld modSld sldOrd">
      <pc:chgData name="Nebel, Kerstin (LEHRE)" userId="982f04b6-7734-4053-a7af-c1e328b12dd0" providerId="ADAL" clId="{56C746E9-EA8B-483E-B70F-7435F5F9FF57}" dt="2023-02-14T13:57:53.095" v="228" actId="1076"/>
      <pc:docMkLst>
        <pc:docMk/>
      </pc:docMkLst>
      <pc:sldChg chg="addSp delSp modSp mod">
        <pc:chgData name="Nebel, Kerstin (LEHRE)" userId="982f04b6-7734-4053-a7af-c1e328b12dd0" providerId="ADAL" clId="{56C746E9-EA8B-483E-B70F-7435F5F9FF57}" dt="2023-02-14T13:54:58.263" v="201" actId="20577"/>
        <pc:sldMkLst>
          <pc:docMk/>
          <pc:sldMk cId="3574007650" sldId="265"/>
        </pc:sldMkLst>
        <pc:spChg chg="mod">
          <ac:chgData name="Nebel, Kerstin (LEHRE)" userId="982f04b6-7734-4053-a7af-c1e328b12dd0" providerId="ADAL" clId="{56C746E9-EA8B-483E-B70F-7435F5F9FF57}" dt="2023-02-14T13:40:38.180" v="3" actId="14100"/>
          <ac:spMkLst>
            <pc:docMk/>
            <pc:sldMk cId="3574007650" sldId="265"/>
            <ac:spMk id="5" creationId="{46F4D761-2D27-BC6F-99AD-37924762FDD4}"/>
          </ac:spMkLst>
        </pc:spChg>
        <pc:spChg chg="add mod">
          <ac:chgData name="Nebel, Kerstin (LEHRE)" userId="982f04b6-7734-4053-a7af-c1e328b12dd0" providerId="ADAL" clId="{56C746E9-EA8B-483E-B70F-7435F5F9FF57}" dt="2023-02-14T13:54:58.263" v="201" actId="20577"/>
          <ac:spMkLst>
            <pc:docMk/>
            <pc:sldMk cId="3574007650" sldId="265"/>
            <ac:spMk id="7" creationId="{CAA74D26-3FC1-9E17-0F77-8AD1444FA9B8}"/>
          </ac:spMkLst>
        </pc:spChg>
        <pc:spChg chg="del">
          <ac:chgData name="Nebel, Kerstin (LEHRE)" userId="982f04b6-7734-4053-a7af-c1e328b12dd0" providerId="ADAL" clId="{56C746E9-EA8B-483E-B70F-7435F5F9FF57}" dt="2023-02-14T13:41:19.507" v="11" actId="478"/>
          <ac:spMkLst>
            <pc:docMk/>
            <pc:sldMk cId="3574007650" sldId="265"/>
            <ac:spMk id="12" creationId="{0E67F01E-1415-BE6B-3749-EEA3E378CF3C}"/>
          </ac:spMkLst>
        </pc:spChg>
        <pc:spChg chg="del">
          <ac:chgData name="Nebel, Kerstin (LEHRE)" userId="982f04b6-7734-4053-a7af-c1e328b12dd0" providerId="ADAL" clId="{56C746E9-EA8B-483E-B70F-7435F5F9FF57}" dt="2023-02-14T13:41:19.507" v="11" actId="478"/>
          <ac:spMkLst>
            <pc:docMk/>
            <pc:sldMk cId="3574007650" sldId="265"/>
            <ac:spMk id="13" creationId="{DAACB222-1F0D-B517-7DD4-73E271DA2B37}"/>
          </ac:spMkLst>
        </pc:spChg>
        <pc:spChg chg="del">
          <ac:chgData name="Nebel, Kerstin (LEHRE)" userId="982f04b6-7734-4053-a7af-c1e328b12dd0" providerId="ADAL" clId="{56C746E9-EA8B-483E-B70F-7435F5F9FF57}" dt="2023-02-14T13:41:19.507" v="11" actId="478"/>
          <ac:spMkLst>
            <pc:docMk/>
            <pc:sldMk cId="3574007650" sldId="265"/>
            <ac:spMk id="14" creationId="{8283C5D6-F389-69DB-C670-3734733B8CDD}"/>
          </ac:spMkLst>
        </pc:spChg>
        <pc:spChg chg="del mod">
          <ac:chgData name="Nebel, Kerstin (LEHRE)" userId="982f04b6-7734-4053-a7af-c1e328b12dd0" providerId="ADAL" clId="{56C746E9-EA8B-483E-B70F-7435F5F9FF57}" dt="2023-02-14T13:41:21.763" v="13" actId="478"/>
          <ac:spMkLst>
            <pc:docMk/>
            <pc:sldMk cId="3574007650" sldId="265"/>
            <ac:spMk id="15" creationId="{7615BA80-5255-CAD4-10BA-4F116D8177E0}"/>
          </ac:spMkLst>
        </pc:spChg>
        <pc:spChg chg="mod">
          <ac:chgData name="Nebel, Kerstin (LEHRE)" userId="982f04b6-7734-4053-a7af-c1e328b12dd0" providerId="ADAL" clId="{56C746E9-EA8B-483E-B70F-7435F5F9FF57}" dt="2023-02-14T13:45:02.235" v="79" actId="14100"/>
          <ac:spMkLst>
            <pc:docMk/>
            <pc:sldMk cId="3574007650" sldId="265"/>
            <ac:spMk id="18" creationId="{D4A126B1-3A58-36BA-A121-0A5214F2BA38}"/>
          </ac:spMkLst>
        </pc:spChg>
        <pc:spChg chg="del">
          <ac:chgData name="Nebel, Kerstin (LEHRE)" userId="982f04b6-7734-4053-a7af-c1e328b12dd0" providerId="ADAL" clId="{56C746E9-EA8B-483E-B70F-7435F5F9FF57}" dt="2023-02-14T13:40:34.742" v="2" actId="478"/>
          <ac:spMkLst>
            <pc:docMk/>
            <pc:sldMk cId="3574007650" sldId="265"/>
            <ac:spMk id="20" creationId="{D212C9E8-D4C2-BC81-FB37-340B4F587C4C}"/>
          </ac:spMkLst>
        </pc:spChg>
        <pc:grpChg chg="del">
          <ac:chgData name="Nebel, Kerstin (LEHRE)" userId="982f04b6-7734-4053-a7af-c1e328b12dd0" providerId="ADAL" clId="{56C746E9-EA8B-483E-B70F-7435F5F9FF57}" dt="2023-02-14T13:41:07.359" v="10" actId="478"/>
          <ac:grpSpMkLst>
            <pc:docMk/>
            <pc:sldMk cId="3574007650" sldId="265"/>
            <ac:grpSpMk id="2" creationId="{D39D111C-3A7D-3969-2CC1-621FD8176F1E}"/>
          </ac:grpSpMkLst>
        </pc:grpChg>
        <pc:picChg chg="add mod modCrop">
          <ac:chgData name="Nebel, Kerstin (LEHRE)" userId="982f04b6-7734-4053-a7af-c1e328b12dd0" providerId="ADAL" clId="{56C746E9-EA8B-483E-B70F-7435F5F9FF57}" dt="2023-02-14T13:54:34.116" v="184" actId="1076"/>
          <ac:picMkLst>
            <pc:docMk/>
            <pc:sldMk cId="3574007650" sldId="265"/>
            <ac:picMk id="6" creationId="{E6FC96CD-668E-3E46-6958-058E9C79CA6D}"/>
          </ac:picMkLst>
        </pc:picChg>
        <pc:picChg chg="add mod">
          <ac:chgData name="Nebel, Kerstin (LEHRE)" userId="982f04b6-7734-4053-a7af-c1e328b12dd0" providerId="ADAL" clId="{56C746E9-EA8B-483E-B70F-7435F5F9FF57}" dt="2023-02-14T13:54:35.721" v="185" actId="1076"/>
          <ac:picMkLst>
            <pc:docMk/>
            <pc:sldMk cId="3574007650" sldId="265"/>
            <ac:picMk id="8" creationId="{707D8EB3-A0AC-565E-45A1-366093DD507B}"/>
          </ac:picMkLst>
        </pc:picChg>
        <pc:picChg chg="mod modCrop">
          <ac:chgData name="Nebel, Kerstin (LEHRE)" userId="982f04b6-7734-4053-a7af-c1e328b12dd0" providerId="ADAL" clId="{56C746E9-EA8B-483E-B70F-7435F5F9FF57}" dt="2023-02-14T13:54:22.272" v="179" actId="1076"/>
          <ac:picMkLst>
            <pc:docMk/>
            <pc:sldMk cId="3574007650" sldId="265"/>
            <ac:picMk id="16" creationId="{85004EDE-5AC9-94DE-9F8F-B3F3D0FE14DE}"/>
          </ac:picMkLst>
        </pc:picChg>
        <pc:picChg chg="mod">
          <ac:chgData name="Nebel, Kerstin (LEHRE)" userId="982f04b6-7734-4053-a7af-c1e328b12dd0" providerId="ADAL" clId="{56C746E9-EA8B-483E-B70F-7435F5F9FF57}" dt="2023-02-14T13:49:58.431" v="141" actId="1076"/>
          <ac:picMkLst>
            <pc:docMk/>
            <pc:sldMk cId="3574007650" sldId="265"/>
            <ac:picMk id="17" creationId="{7C58E739-6C5F-747E-A376-3FA5E9E1DEC6}"/>
          </ac:picMkLst>
        </pc:picChg>
        <pc:picChg chg="del">
          <ac:chgData name="Nebel, Kerstin (LEHRE)" userId="982f04b6-7734-4053-a7af-c1e328b12dd0" providerId="ADAL" clId="{56C746E9-EA8B-483E-B70F-7435F5F9FF57}" dt="2023-02-14T13:40:31.472" v="1" actId="478"/>
          <ac:picMkLst>
            <pc:docMk/>
            <pc:sldMk cId="3574007650" sldId="265"/>
            <ac:picMk id="19" creationId="{2AB07363-444C-9B6F-75B7-2B510BFE7A60}"/>
          </ac:picMkLst>
        </pc:picChg>
      </pc:sldChg>
      <pc:sldChg chg="add">
        <pc:chgData name="Nebel, Kerstin (LEHRE)" userId="982f04b6-7734-4053-a7af-c1e328b12dd0" providerId="ADAL" clId="{56C746E9-EA8B-483E-B70F-7435F5F9FF57}" dt="2023-02-14T13:40:19.235" v="0"/>
        <pc:sldMkLst>
          <pc:docMk/>
          <pc:sldMk cId="2302895162" sldId="267"/>
        </pc:sldMkLst>
      </pc:sldChg>
      <pc:sldChg chg="add del">
        <pc:chgData name="Nebel, Kerstin (LEHRE)" userId="982f04b6-7734-4053-a7af-c1e328b12dd0" providerId="ADAL" clId="{56C746E9-EA8B-483E-B70F-7435F5F9FF57}" dt="2023-02-14T13:47:14.405" v="135" actId="47"/>
        <pc:sldMkLst>
          <pc:docMk/>
          <pc:sldMk cId="174528619" sldId="268"/>
        </pc:sldMkLst>
      </pc:sldChg>
      <pc:sldChg chg="addSp delSp modSp add mod ord">
        <pc:chgData name="Nebel, Kerstin (LEHRE)" userId="982f04b6-7734-4053-a7af-c1e328b12dd0" providerId="ADAL" clId="{56C746E9-EA8B-483E-B70F-7435F5F9FF57}" dt="2023-02-14T13:57:53.095" v="228" actId="1076"/>
        <pc:sldMkLst>
          <pc:docMk/>
          <pc:sldMk cId="3503693443" sldId="269"/>
        </pc:sldMkLst>
        <pc:spChg chg="mod">
          <ac:chgData name="Nebel, Kerstin (LEHRE)" userId="982f04b6-7734-4053-a7af-c1e328b12dd0" providerId="ADAL" clId="{56C746E9-EA8B-483E-B70F-7435F5F9FF57}" dt="2023-02-14T13:44:52.569" v="78" actId="14100"/>
          <ac:spMkLst>
            <pc:docMk/>
            <pc:sldMk cId="3503693443" sldId="269"/>
            <ac:spMk id="4" creationId="{65E7593F-CBEC-5A5D-5EF1-BB694C23BE10}"/>
          </ac:spMkLst>
        </pc:spChg>
        <pc:spChg chg="mod">
          <ac:chgData name="Nebel, Kerstin (LEHRE)" userId="982f04b6-7734-4053-a7af-c1e328b12dd0" providerId="ADAL" clId="{56C746E9-EA8B-483E-B70F-7435F5F9FF57}" dt="2023-02-14T13:44:33.008" v="74" actId="14100"/>
          <ac:spMkLst>
            <pc:docMk/>
            <pc:sldMk cId="3503693443" sldId="269"/>
            <ac:spMk id="5" creationId="{46F4D761-2D27-BC6F-99AD-37924762FDD4}"/>
          </ac:spMkLst>
        </pc:spChg>
        <pc:spChg chg="add mod">
          <ac:chgData name="Nebel, Kerstin (LEHRE)" userId="982f04b6-7734-4053-a7af-c1e328b12dd0" providerId="ADAL" clId="{56C746E9-EA8B-483E-B70F-7435F5F9FF57}" dt="2023-02-14T13:57:53.095" v="228" actId="1076"/>
          <ac:spMkLst>
            <pc:docMk/>
            <pc:sldMk cId="3503693443" sldId="269"/>
            <ac:spMk id="6" creationId="{C3F603FB-DE09-9D9F-683F-E4D890350EF0}"/>
          </ac:spMkLst>
        </pc:spChg>
        <pc:spChg chg="add mod">
          <ac:chgData name="Nebel, Kerstin (LEHRE)" userId="982f04b6-7734-4053-a7af-c1e328b12dd0" providerId="ADAL" clId="{56C746E9-EA8B-483E-B70F-7435F5F9FF57}" dt="2023-02-14T13:57:45.276" v="227" actId="6549"/>
          <ac:spMkLst>
            <pc:docMk/>
            <pc:sldMk cId="3503693443" sldId="269"/>
            <ac:spMk id="7" creationId="{DE96C112-029E-EF59-282C-2FDD70A0C8EB}"/>
          </ac:spMkLst>
        </pc:spChg>
        <pc:spChg chg="add mod">
          <ac:chgData name="Nebel, Kerstin (LEHRE)" userId="982f04b6-7734-4053-a7af-c1e328b12dd0" providerId="ADAL" clId="{56C746E9-EA8B-483E-B70F-7435F5F9FF57}" dt="2023-02-14T13:56:14.116" v="208" actId="1076"/>
          <ac:spMkLst>
            <pc:docMk/>
            <pc:sldMk cId="3503693443" sldId="269"/>
            <ac:spMk id="8" creationId="{C4F6631A-B522-4435-B248-27B16DE13D5E}"/>
          </ac:spMkLst>
        </pc:spChg>
        <pc:spChg chg="add del mod">
          <ac:chgData name="Nebel, Kerstin (LEHRE)" userId="982f04b6-7734-4053-a7af-c1e328b12dd0" providerId="ADAL" clId="{56C746E9-EA8B-483E-B70F-7435F5F9FF57}" dt="2023-02-14T13:53:13.445" v="156"/>
          <ac:spMkLst>
            <pc:docMk/>
            <pc:sldMk cId="3503693443" sldId="269"/>
            <ac:spMk id="9" creationId="{1865CB9B-89FE-5E86-08E3-1016B8E1A3EA}"/>
          </ac:spMkLst>
        </pc:spChg>
        <pc:spChg chg="del mod">
          <ac:chgData name="Nebel, Kerstin (LEHRE)" userId="982f04b6-7734-4053-a7af-c1e328b12dd0" providerId="ADAL" clId="{56C746E9-EA8B-483E-B70F-7435F5F9FF57}" dt="2023-02-14T13:46:06.293" v="118"/>
          <ac:spMkLst>
            <pc:docMk/>
            <pc:sldMk cId="3503693443" sldId="269"/>
            <ac:spMk id="12" creationId="{0E67F01E-1415-BE6B-3749-EEA3E378CF3C}"/>
          </ac:spMkLst>
        </pc:spChg>
        <pc:spChg chg="del mod">
          <ac:chgData name="Nebel, Kerstin (LEHRE)" userId="982f04b6-7734-4053-a7af-c1e328b12dd0" providerId="ADAL" clId="{56C746E9-EA8B-483E-B70F-7435F5F9FF57}" dt="2023-02-14T13:46:06.293" v="120"/>
          <ac:spMkLst>
            <pc:docMk/>
            <pc:sldMk cId="3503693443" sldId="269"/>
            <ac:spMk id="13" creationId="{DAACB222-1F0D-B517-7DD4-73E271DA2B37}"/>
          </ac:spMkLst>
        </pc:spChg>
        <pc:spChg chg="del mod">
          <ac:chgData name="Nebel, Kerstin (LEHRE)" userId="982f04b6-7734-4053-a7af-c1e328b12dd0" providerId="ADAL" clId="{56C746E9-EA8B-483E-B70F-7435F5F9FF57}" dt="2023-02-14T13:46:32.806" v="130"/>
          <ac:spMkLst>
            <pc:docMk/>
            <pc:sldMk cId="3503693443" sldId="269"/>
            <ac:spMk id="14" creationId="{8283C5D6-F389-69DB-C670-3734733B8CDD}"/>
          </ac:spMkLst>
        </pc:spChg>
        <pc:spChg chg="del">
          <ac:chgData name="Nebel, Kerstin (LEHRE)" userId="982f04b6-7734-4053-a7af-c1e328b12dd0" providerId="ADAL" clId="{56C746E9-EA8B-483E-B70F-7435F5F9FF57}" dt="2023-02-14T13:45:27.543" v="107" actId="478"/>
          <ac:spMkLst>
            <pc:docMk/>
            <pc:sldMk cId="3503693443" sldId="269"/>
            <ac:spMk id="15" creationId="{7615BA80-5255-CAD4-10BA-4F116D8177E0}"/>
          </ac:spMkLst>
        </pc:spChg>
        <pc:spChg chg="del">
          <ac:chgData name="Nebel, Kerstin (LEHRE)" userId="982f04b6-7734-4053-a7af-c1e328b12dd0" providerId="ADAL" clId="{56C746E9-EA8B-483E-B70F-7435F5F9FF57}" dt="2023-02-14T13:44:09.221" v="40" actId="478"/>
          <ac:spMkLst>
            <pc:docMk/>
            <pc:sldMk cId="3503693443" sldId="269"/>
            <ac:spMk id="18" creationId="{D4A126B1-3A58-36BA-A121-0A5214F2BA38}"/>
          </ac:spMkLst>
        </pc:spChg>
        <pc:spChg chg="mod">
          <ac:chgData name="Nebel, Kerstin (LEHRE)" userId="982f04b6-7734-4053-a7af-c1e328b12dd0" providerId="ADAL" clId="{56C746E9-EA8B-483E-B70F-7435F5F9FF57}" dt="2023-02-14T13:47:47.448" v="136" actId="1076"/>
          <ac:spMkLst>
            <pc:docMk/>
            <pc:sldMk cId="3503693443" sldId="269"/>
            <ac:spMk id="20" creationId="{D212C9E8-D4C2-BC81-FB37-340B4F587C4C}"/>
          </ac:spMkLst>
        </pc:spChg>
        <pc:grpChg chg="del mod">
          <ac:chgData name="Nebel, Kerstin (LEHRE)" userId="982f04b6-7734-4053-a7af-c1e328b12dd0" providerId="ADAL" clId="{56C746E9-EA8B-483E-B70F-7435F5F9FF57}" dt="2023-02-14T13:45:24.843" v="106" actId="478"/>
          <ac:grpSpMkLst>
            <pc:docMk/>
            <pc:sldMk cId="3503693443" sldId="269"/>
            <ac:grpSpMk id="2" creationId="{D39D111C-3A7D-3969-2CC1-621FD8176F1E}"/>
          </ac:grpSpMkLst>
        </pc:grpChg>
        <pc:picChg chg="del">
          <ac:chgData name="Nebel, Kerstin (LEHRE)" userId="982f04b6-7734-4053-a7af-c1e328b12dd0" providerId="ADAL" clId="{56C746E9-EA8B-483E-B70F-7435F5F9FF57}" dt="2023-02-14T13:42:42.104" v="27" actId="478"/>
          <ac:picMkLst>
            <pc:docMk/>
            <pc:sldMk cId="3503693443" sldId="269"/>
            <ac:picMk id="16" creationId="{85004EDE-5AC9-94DE-9F8F-B3F3D0FE14DE}"/>
          </ac:picMkLst>
        </pc:picChg>
        <pc:picChg chg="del">
          <ac:chgData name="Nebel, Kerstin (LEHRE)" userId="982f04b6-7734-4053-a7af-c1e328b12dd0" providerId="ADAL" clId="{56C746E9-EA8B-483E-B70F-7435F5F9FF57}" dt="2023-02-14T13:42:41.572" v="26" actId="478"/>
          <ac:picMkLst>
            <pc:docMk/>
            <pc:sldMk cId="3503693443" sldId="269"/>
            <ac:picMk id="17" creationId="{7C58E739-6C5F-747E-A376-3FA5E9E1DEC6}"/>
          </ac:picMkLst>
        </pc:picChg>
        <pc:picChg chg="mod">
          <ac:chgData name="Nebel, Kerstin (LEHRE)" userId="982f04b6-7734-4053-a7af-c1e328b12dd0" providerId="ADAL" clId="{56C746E9-EA8B-483E-B70F-7435F5F9FF57}" dt="2023-02-14T13:47:47.448" v="136" actId="1076"/>
          <ac:picMkLst>
            <pc:docMk/>
            <pc:sldMk cId="3503693443" sldId="269"/>
            <ac:picMk id="19" creationId="{2AB07363-444C-9B6F-75B7-2B510BFE7A60}"/>
          </ac:picMkLst>
        </pc:picChg>
      </pc:sldChg>
      <pc:sldChg chg="add del">
        <pc:chgData name="Nebel, Kerstin (LEHRE)" userId="982f04b6-7734-4053-a7af-c1e328b12dd0" providerId="ADAL" clId="{56C746E9-EA8B-483E-B70F-7435F5F9FF57}" dt="2023-02-14T13:47:07.582" v="134" actId="47"/>
        <pc:sldMkLst>
          <pc:docMk/>
          <pc:sldMk cId="336370286" sldId="270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9EC8DEC0-8A32-43A1-BA05-112829F09DDD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140AC7E2-1702-4EAF-9FCB-9AFA32F16EF4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D7C6C8-3B48-40FE-AE07-9A7B4FBEEFA7}" type="datetimeFigureOut">
              <a:rPr lang="nl-NL" smtClean="0"/>
              <a:t>14-02-2023</a:t>
            </a:fld>
            <a:endParaRPr lang="nl-NL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1EA187C2-C673-4EE6-8B86-D62E0CEF78BC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E4EF8C50-A5BE-499F-8B46-B35D42DB696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188AC2B-DEEC-4141-AEC2-D6E517075CCA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339634254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0346EE4-0423-44AC-AE13-05F4902F744A}" type="datetimeFigureOut">
              <a:rPr lang="nl-NL" smtClean="0"/>
              <a:t>14-02-2023</a:t>
            </a:fld>
            <a:endParaRPr lang="nl-NL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C08F672-13E3-4BCD-A65F-F9D66C29D58F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75285837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">
            <a:extLst>
              <a:ext uri="{FF2B5EF4-FFF2-40B4-BE49-F238E27FC236}">
                <a16:creationId xmlns:a16="http://schemas.microsoft.com/office/drawing/2014/main" id="{195C482B-EA63-470A-960E-FCCFB692736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4010" b="1615"/>
          <a:stretch/>
        </p:blipFill>
        <p:spPr>
          <a:xfrm>
            <a:off x="0" y="-1"/>
            <a:ext cx="12192000" cy="6858001"/>
          </a:xfrm>
          <a:prstGeom prst="rect">
            <a:avLst/>
          </a:prstGeom>
        </p:spPr>
      </p:pic>
      <p:pic>
        <p:nvPicPr>
          <p:cNvPr id="7" name="Logo" descr="{&quot;templafy&quot;:{&quot;id&quot;:&quot;42aefef0-7769-4e85-aad9-eed8e7a48c88&quot;}}">
            <a:extLst>
              <a:ext uri="{FF2B5EF4-FFF2-40B4-BE49-F238E27FC236}">
                <a16:creationId xmlns:a16="http://schemas.microsoft.com/office/drawing/2014/main" id="{857FDF9B-6E95-E6C4-F001-88BD8098927F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9600" y="2451602"/>
            <a:ext cx="2401500" cy="2423103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55E4BFCD-CFCF-1CAA-E2C8-13C57AFBE2E9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</a:rPr>
              <a:t>Titelfolie mit Bild</a:t>
            </a:r>
            <a:endParaRPr lang="de-DE" sz="8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8050395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Footer 2" descr="{&quot;templafy&quot;:{&quot;id&quot;:&quot;832ad2da-8657-4226-8462-9599dc957a61&quot;}}">
            <a:extLst>
              <a:ext uri="{FF2B5EF4-FFF2-40B4-BE49-F238E27FC236}">
                <a16:creationId xmlns:a16="http://schemas.microsoft.com/office/drawing/2014/main" id="{F6D0C6A7-A5A2-4320-B715-8C80A812796A}"/>
              </a:ext>
            </a:extLst>
          </p:cNvPr>
          <p:cNvSpPr/>
          <p:nvPr userDrawn="1"/>
        </p:nvSpPr>
        <p:spPr>
          <a:xfrm>
            <a:off x="3797201" y="6445305"/>
            <a:ext cx="7781135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>
                <a:solidFill>
                  <a:schemeClr val="bg1"/>
                </a:solidFill>
                <a:latin typeface="+mn-lt"/>
              </a:rPr>
              <a:t>Universität Bern, Vetsuisse-Fakultät</a:t>
            </a: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DF98CDE-7C24-47C1-80C5-DB5BE248274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/>
              <a:t>Kapiteltitel</a:t>
            </a:r>
          </a:p>
        </p:txBody>
      </p:sp>
      <p:pic>
        <p:nvPicPr>
          <p:cNvPr id="8" name="Logo" descr="{&quot;templafy&quot;:{&quot;id&quot;:&quot;398872da-cf19-42b0-b507-1c988ffb1dd9&quot;}}">
            <a:extLst>
              <a:ext uri="{FF2B5EF4-FFF2-40B4-BE49-F238E27FC236}">
                <a16:creationId xmlns:a16="http://schemas.microsoft.com/office/drawing/2014/main" id="{0A84912D-4F4F-D0F9-9871-1260A4FB509C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600" y="306002"/>
            <a:ext cx="1148544" cy="720090"/>
          </a:xfrm>
          <a:prstGeom prst="rect">
            <a:avLst/>
          </a:prstGeom>
        </p:spPr>
      </p:pic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A1F930C3-9F37-79C9-D0A5-DBEBFF9BB5A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/>
              <a:t>18. Januar 2023, Bern</a:t>
            </a:r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720ACCDB-C0B3-0A21-4302-5F35D098003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234088687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Grau)">
    <p:bg>
      <p:bgPr>
        <a:solidFill>
          <a:srgbClr val="64636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3" descr="{&quot;templafy&quot;:{&quot;id&quot;:&quot;3d523958-de0a-44fc-b7d2-6d3b3ac91690&quot;}}">
            <a:extLst>
              <a:ext uri="{FF2B5EF4-FFF2-40B4-BE49-F238E27FC236}">
                <a16:creationId xmlns:a16="http://schemas.microsoft.com/office/drawing/2014/main" id="{8F57D3E5-66CA-4A6F-A22A-C1427F8D62EA}"/>
              </a:ext>
            </a:extLst>
          </p:cNvPr>
          <p:cNvSpPr/>
          <p:nvPr userDrawn="1"/>
        </p:nvSpPr>
        <p:spPr>
          <a:xfrm>
            <a:off x="3797201" y="6436427"/>
            <a:ext cx="7781135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>
                <a:solidFill>
                  <a:schemeClr val="bg1"/>
                </a:solidFill>
                <a:latin typeface="+mn-lt"/>
              </a:rPr>
              <a:t>Universität Bern, Vetsuisse-Fakultät</a:t>
            </a:r>
          </a:p>
        </p:txBody>
      </p:sp>
      <p:sp>
        <p:nvSpPr>
          <p:cNvPr id="2" name="Slide number">
            <a:extLst>
              <a:ext uri="{FF2B5EF4-FFF2-40B4-BE49-F238E27FC236}">
                <a16:creationId xmlns:a16="http://schemas.microsoft.com/office/drawing/2014/main" id="{6B217D56-9F23-4A1F-A948-17905D6B6D6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/>
              <a:t>Kapiteltitel</a:t>
            </a:r>
          </a:p>
        </p:txBody>
      </p:sp>
      <p:pic>
        <p:nvPicPr>
          <p:cNvPr id="7" name="Logo" descr="{&quot;templafy&quot;:{&quot;id&quot;:&quot;7b76217b-6df5-497f-86fd-a37bffefde7c&quot;}}">
            <a:extLst>
              <a:ext uri="{FF2B5EF4-FFF2-40B4-BE49-F238E27FC236}">
                <a16:creationId xmlns:a16="http://schemas.microsoft.com/office/drawing/2014/main" id="{269A8BB7-AC36-3F31-601F-7B5DC41F8226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600" y="306002"/>
            <a:ext cx="1148544" cy="720090"/>
          </a:xfrm>
          <a:prstGeom prst="rect">
            <a:avLst/>
          </a:prstGeom>
        </p:spPr>
      </p:pic>
      <p:sp>
        <p:nvSpPr>
          <p:cNvPr id="12" name="Tijdelijke aanduiding voor datum 11">
            <a:extLst>
              <a:ext uri="{FF2B5EF4-FFF2-40B4-BE49-F238E27FC236}">
                <a16:creationId xmlns:a16="http://schemas.microsoft.com/office/drawing/2014/main" id="{109FFC90-7363-F59E-9D01-3AABA8EE338E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/>
              <a:t>18. Januar 2023, Bern</a:t>
            </a:r>
          </a:p>
        </p:txBody>
      </p:sp>
      <p:sp>
        <p:nvSpPr>
          <p:cNvPr id="13" name="Tijdelijke aanduiding voor voettekst 12">
            <a:extLst>
              <a:ext uri="{FF2B5EF4-FFF2-40B4-BE49-F238E27FC236}">
                <a16:creationId xmlns:a16="http://schemas.microsoft.com/office/drawing/2014/main" id="{2CA55905-23AB-8FF5-A7C9-6E846DE6EB7E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426084444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/>
              <a:t>Inhalt hinzufügen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C920BAB7-1FB4-4BAB-8FD4-CB13A5B4498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 hinzufügen</a:t>
            </a:r>
          </a:p>
        </p:txBody>
      </p:sp>
      <p:sp>
        <p:nvSpPr>
          <p:cNvPr id="10" name="Tijdelijke aanduiding voor datum 9">
            <a:extLst>
              <a:ext uri="{FF2B5EF4-FFF2-40B4-BE49-F238E27FC236}">
                <a16:creationId xmlns:a16="http://schemas.microsoft.com/office/drawing/2014/main" id="{87CFF00B-D37B-FAF5-A9E7-ED64F5E3E0D7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4FA7217C-1F27-BB73-A400-0FEEA4F3E031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  <p:sp>
        <p:nvSpPr>
          <p:cNvPr id="12" name="Tijdelijke aanduiding voor dianummer 11">
            <a:extLst>
              <a:ext uri="{FF2B5EF4-FFF2-40B4-BE49-F238E27FC236}">
                <a16:creationId xmlns:a16="http://schemas.microsoft.com/office/drawing/2014/main" id="{D31504D9-AF38-3FBE-652D-3643D1FC483C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79148572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 (ohne Untertite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FE14406F-DC93-4A53-9C07-EC77106573C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142287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/>
              <a:t>Inhalt hinzufügen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 hinzufügen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A295BA5C-4DFE-D8B6-F8B3-87DCAA1410A5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71083AF6-6C4D-28F9-7BC0-AC8E4F08CAD0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21826252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Spal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">
            <a:extLst>
              <a:ext uri="{FF2B5EF4-FFF2-40B4-BE49-F238E27FC236}">
                <a16:creationId xmlns:a16="http://schemas.microsoft.com/office/drawing/2014/main" id="{F192B501-1AD2-4D7C-9442-2A5BE5F07D2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4" name="Text right">
            <a:extLst>
              <a:ext uri="{FF2B5EF4-FFF2-40B4-BE49-F238E27FC236}">
                <a16:creationId xmlns:a16="http://schemas.microsoft.com/office/drawing/2014/main" id="{06CD3D0C-D4D1-4875-BB7B-BDA878B4289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27800" y="2038985"/>
            <a:ext cx="5057480" cy="4351338"/>
          </a:xfrm>
        </p:spPr>
        <p:txBody>
          <a:bodyPr>
            <a:noAutofit/>
          </a:bodyPr>
          <a:lstStyle>
            <a:lvl1pPr marL="0" indent="0" algn="l">
              <a:lnSpc>
                <a:spcPts val="3200"/>
              </a:lnSpc>
              <a:buFont typeface="Arial" panose="020B0604020202020204" pitchFamily="34" charset="0"/>
              <a:buNone/>
              <a:defRPr sz="2600" spc="20" baseline="0"/>
            </a:lvl1pPr>
          </a:lstStyle>
          <a:p>
            <a:pPr lvl="0"/>
            <a:r>
              <a:rPr lang="de-CH" noProof="0"/>
              <a:t>Inhalt hinzufügen</a:t>
            </a:r>
          </a:p>
          <a:p>
            <a:pPr algn="l"/>
            <a:endParaRPr lang="de-CH" noProof="0"/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defRPr sz="2600" spc="20" baseline="0"/>
            </a:lvl1pPr>
          </a:lstStyle>
          <a:p>
            <a:pPr lvl="0"/>
            <a:r>
              <a:rPr lang="de-CH" noProof="0"/>
              <a:t>Inhalt hinzufügen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 hinzufügen</a:t>
            </a:r>
          </a:p>
        </p:txBody>
      </p:sp>
      <p:sp>
        <p:nvSpPr>
          <p:cNvPr id="8" name="Tijdelijke aanduiding voor datum 7">
            <a:extLst>
              <a:ext uri="{FF2B5EF4-FFF2-40B4-BE49-F238E27FC236}">
                <a16:creationId xmlns:a16="http://schemas.microsoft.com/office/drawing/2014/main" id="{8B07A3C1-B521-B505-717C-E9D9380868FF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9" name="Tijdelijke aanduiding voor voettekst 8">
            <a:extLst>
              <a:ext uri="{FF2B5EF4-FFF2-40B4-BE49-F238E27FC236}">
                <a16:creationId xmlns:a16="http://schemas.microsoft.com/office/drawing/2014/main" id="{74B095D2-BCCB-B492-12DC-19820FC1A7BB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204441717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B1591914-F48E-4047-B3A6-F5F93D8F9E6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3" name="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71881" y="1293060"/>
            <a:ext cx="10515600" cy="499598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1A93C6CF-9644-457B-BFCB-28FD390E462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 hinzufügen</a:t>
            </a: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0D6FE230-28D5-BBEB-2902-578E7C54E693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FF78E98C-F768-5D86-B490-A2BDBD345AD7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14922076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halt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436E527F-C7AF-47DB-A851-E001347166D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2" name="Content right">
            <a:extLst>
              <a:ext uri="{FF2B5EF4-FFF2-40B4-BE49-F238E27FC236}">
                <a16:creationId xmlns:a16="http://schemas.microsoft.com/office/drawing/2014/main" id="{7B630F5E-F778-4C6B-BBDF-88319CFE6234}"/>
              </a:ext>
            </a:extLst>
          </p:cNvPr>
          <p:cNvSpPr>
            <a:spLocks noGrp="1"/>
          </p:cNvSpPr>
          <p:nvPr>
            <p:ph sz="quarter" idx="4" hasCustomPrompt="1"/>
          </p:nvPr>
        </p:nvSpPr>
        <p:spPr>
          <a:xfrm>
            <a:off x="6621780" y="2153920"/>
            <a:ext cx="5092700" cy="413766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</a:t>
            </a:r>
            <a:r>
              <a:rPr lang="de-CH" noProof="0" err="1"/>
              <a:t>Grafiek</a:t>
            </a:r>
            <a:r>
              <a:rPr lang="de-CH" noProof="0"/>
              <a:t>))</a:t>
            </a:r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spcAft>
                <a:spcPts val="600"/>
              </a:spcAft>
              <a:defRPr sz="2600" spc="20" baseline="0"/>
            </a:lvl1pPr>
          </a:lstStyle>
          <a:p>
            <a:pPr lvl="0"/>
            <a:r>
              <a:rPr lang="de-CH" noProof="0"/>
              <a:t>Inhalt hinzufügen</a:t>
            </a:r>
          </a:p>
        </p:txBody>
      </p:sp>
      <p:sp>
        <p:nvSpPr>
          <p:cNvPr id="11" name="Sutb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 hinzufügen</a:t>
            </a: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BBE3F2B9-1B4F-313D-5E10-D676550AAB0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B321371C-BBF8-8E8B-F708-650D3991E751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12796217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bjekt Rechts (ohne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54174" y="0"/>
            <a:ext cx="11037600" cy="685800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345AF8F6-313A-6244-658F-104E11BC838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  <a:latin typeface="+mj-lt"/>
              </a:rPr>
              <a:t>Folie mit Grafik oder Bild</a:t>
            </a:r>
            <a:endParaRPr lang="de-DE" sz="800">
              <a:solidFill>
                <a:schemeClr val="tx1"/>
              </a:solidFill>
              <a:latin typeface="+mj-lt"/>
            </a:endParaRPr>
          </a:p>
        </p:txBody>
      </p:sp>
      <p:pic>
        <p:nvPicPr>
          <p:cNvPr id="7" name="Logo" descr="{&quot;templafy&quot;:{&quot;id&quot;:&quot;1488416e-ae60-42da-a602-950dacebc615&quot;}}">
            <a:extLst>
              <a:ext uri="{FF2B5EF4-FFF2-40B4-BE49-F238E27FC236}">
                <a16:creationId xmlns:a16="http://schemas.microsoft.com/office/drawing/2014/main" id="{44622EFA-75BD-7C63-B146-B6C2BC34DC57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600" y="306000"/>
            <a:ext cx="1148544" cy="7200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286898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kt Rechts (mit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">
            <a:extLst>
              <a:ext uri="{FF2B5EF4-FFF2-40B4-BE49-F238E27FC236}">
                <a16:creationId xmlns:a16="http://schemas.microsoft.com/office/drawing/2014/main" id="{1E66BE32-5F6B-46DA-A973-531B5712FFC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43001" y="0"/>
            <a:ext cx="11038170" cy="627507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8442B7E7-60B0-122A-B432-C4C54D2E205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575560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  <a:latin typeface="+mj-lt"/>
              </a:rPr>
              <a:t>Folie mit Grafik oder Bild mit </a:t>
            </a:r>
            <a:r>
              <a:rPr lang="de-CH" sz="800" err="1">
                <a:solidFill>
                  <a:schemeClr val="tx1"/>
                </a:solidFill>
                <a:latin typeface="+mj-lt"/>
              </a:rPr>
              <a:t>Rahem</a:t>
            </a:r>
            <a:endParaRPr lang="de-DE" sz="800">
              <a:solidFill>
                <a:schemeClr val="tx1"/>
              </a:solidFill>
              <a:latin typeface="+mj-lt"/>
            </a:endParaRP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6FC195BE-72B0-3FD5-54FD-C755AE75B051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2403FC7E-FC6F-5D63-BA6D-14A67DCB47E4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326220222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e für Ihre Aufmerksamke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mumber">
            <a:extLst>
              <a:ext uri="{FF2B5EF4-FFF2-40B4-BE49-F238E27FC236}">
                <a16:creationId xmlns:a16="http://schemas.microsoft.com/office/drawing/2014/main" id="{47D22171-88C2-458B-A31E-4A83A9A8460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DE" noProof="0" smtClean="0"/>
              <a:pPr/>
              <a:t>‹Nr.›</a:t>
            </a:fld>
            <a:endParaRPr lang="de-DE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Fragen?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/>
              <a:t>Danke für Ihre Aufmerksamkeit 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207A0653-ADA8-7047-E423-D7C15F97CD2B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570DCD73-2110-A76D-424D-0D0E7FA4EC87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2497914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Logo" descr="{&quot;templafy&quot;:{&quot;id&quot;:&quot;a65efe70-ae45-4799-b756-848d443dbf44&quot;}}">
            <a:extLst>
              <a:ext uri="{FF2B5EF4-FFF2-40B4-BE49-F238E27FC236}">
                <a16:creationId xmlns:a16="http://schemas.microsoft.com/office/drawing/2014/main" id="{A7D99F43-8B88-2D77-ABC2-5C55FB983A2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90000" y="1576800"/>
            <a:ext cx="4795799" cy="3703798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33B1C99-94D5-3D66-665D-E961A171385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</a:rPr>
              <a:t>Titelfolie mit Logo</a:t>
            </a:r>
            <a:endParaRPr lang="de-DE" sz="8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6535254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nta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9726F9F3-81CB-4170-8972-2C6824CD8E5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/>
              <a:t>Kontakt</a:t>
            </a:r>
          </a:p>
        </p:txBody>
      </p:sp>
      <p:sp>
        <p:nvSpPr>
          <p:cNvPr id="2" name="Name">
            <a:extLst>
              <a:ext uri="{FF2B5EF4-FFF2-40B4-BE49-F238E27FC236}">
                <a16:creationId xmlns:a16="http://schemas.microsoft.com/office/drawing/2014/main" id="{BF8C5F6D-DBA3-ABE1-B9C7-7837F474C02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2800" y="1897199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/>
              <a:t>Name</a:t>
            </a:r>
          </a:p>
        </p:txBody>
      </p:sp>
      <p:sp>
        <p:nvSpPr>
          <p:cNvPr id="3" name="Funktion">
            <a:extLst>
              <a:ext uri="{FF2B5EF4-FFF2-40B4-BE49-F238E27FC236}">
                <a16:creationId xmlns:a16="http://schemas.microsoft.com/office/drawing/2014/main" id="{15AEF63E-20CB-600C-D260-A832495E57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071880" y="23976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/>
              <a:t>Funktion</a:t>
            </a:r>
          </a:p>
        </p:txBody>
      </p:sp>
      <p:sp>
        <p:nvSpPr>
          <p:cNvPr id="5" name="Email">
            <a:extLst>
              <a:ext uri="{FF2B5EF4-FFF2-40B4-BE49-F238E27FC236}">
                <a16:creationId xmlns:a16="http://schemas.microsoft.com/office/drawing/2014/main" id="{1C8AB37B-0E64-1147-A465-64B25BC0277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072800" y="28332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u="sng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/>
              <a:t>Email</a:t>
            </a:r>
          </a:p>
        </p:txBody>
      </p:sp>
      <p:sp>
        <p:nvSpPr>
          <p:cNvPr id="7" name="Telefon">
            <a:extLst>
              <a:ext uri="{FF2B5EF4-FFF2-40B4-BE49-F238E27FC236}">
                <a16:creationId xmlns:a16="http://schemas.microsoft.com/office/drawing/2014/main" id="{C561FCD8-3346-82A5-2F93-BF3E3EFF1E85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1072800" y="32796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/>
              <a:t>Telefon</a:t>
            </a:r>
          </a:p>
        </p:txBody>
      </p:sp>
      <p:cxnSp>
        <p:nvCxnSpPr>
          <p:cNvPr id="18" name="Red line">
            <a:extLst>
              <a:ext uri="{FF2B5EF4-FFF2-40B4-BE49-F238E27FC236}">
                <a16:creationId xmlns:a16="http://schemas.microsoft.com/office/drawing/2014/main" id="{F6CCF09E-A8C5-53C6-1CCB-67CD81A40609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ijdelijke aanduiding voor datum 9">
            <a:extLst>
              <a:ext uri="{FF2B5EF4-FFF2-40B4-BE49-F238E27FC236}">
                <a16:creationId xmlns:a16="http://schemas.microsoft.com/office/drawing/2014/main" id="{40B22D83-D4CA-131D-E5E9-5EAF745E254D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9D329714-3879-EE4B-ED3F-21EA268FBCF0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147752539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1677600" y="2443073"/>
            <a:ext cx="10047600" cy="369332"/>
            <a:chOff x="2744570" y="3694411"/>
            <a:chExt cx="950427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3507364" y="3694411"/>
              <a:ext cx="4853277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744570" y="3694411"/>
              <a:ext cx="379556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1646104" y="3694411"/>
              <a:ext cx="602744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8908219" y="3694411"/>
              <a:ext cx="1257061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7450737" y="3694411"/>
              <a:ext cx="1314458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10839041" y="3694411"/>
              <a:ext cx="684723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1677601" y="2067608"/>
            <a:ext cx="10047600" cy="369332"/>
            <a:chOff x="2744554" y="3155687"/>
            <a:chExt cx="9504263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3507346" y="3155687"/>
              <a:ext cx="4853276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744554" y="3155687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1646074" y="3155687"/>
              <a:ext cx="60274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8908192" y="3155687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7450713" y="3155687"/>
              <a:ext cx="13144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10842417" y="3155687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171466" y="1972984"/>
            <a:ext cx="10552805" cy="369332"/>
            <a:chOff x="1797665" y="2616963"/>
            <a:chExt cx="10552804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96690" y="2616963"/>
              <a:ext cx="5384711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5" y="2616963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713475" y="2616963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8819798" y="2616963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7278998" y="2616963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10862033" y="2616963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3" name="SP Agenda Section" hidden="1"/>
          <p:cNvGrpSpPr/>
          <p:nvPr userDrawn="1"/>
        </p:nvGrpSpPr>
        <p:grpSpPr>
          <a:xfrm>
            <a:off x="1171466" y="1472532"/>
            <a:ext cx="10552806" cy="378568"/>
            <a:chOff x="1797664" y="2076395"/>
            <a:chExt cx="10552803" cy="378568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2303327" y="2085631"/>
              <a:ext cx="5378072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1713473" y="2085631"/>
              <a:ext cx="636994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8819889" y="2085631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7280427" y="2085631"/>
              <a:ext cx="1388067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10866017" y="2076395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sp>
        <p:nvSpPr>
          <p:cNvPr id="6" name="Slide Number">
            <a:extLst>
              <a:ext uri="{FF2B5EF4-FFF2-40B4-BE49-F238E27FC236}">
                <a16:creationId xmlns:a16="http://schemas.microsoft.com/office/drawing/2014/main" id="{4214ED27-A09D-C4A9-4CE3-D4F74DF5D18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7" name="Title">
            <a:extLst>
              <a:ext uri="{FF2B5EF4-FFF2-40B4-BE49-F238E27FC236}">
                <a16:creationId xmlns:a16="http://schemas.microsoft.com/office/drawing/2014/main" id="{795FC4AF-5939-9FD0-775D-D61C6E5AC25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/>
              <a:t>Agenda</a:t>
            </a:r>
          </a:p>
        </p:txBody>
      </p:sp>
      <p:sp>
        <p:nvSpPr>
          <p:cNvPr id="10" name="Tijdelijke aanduiding voor datum 9">
            <a:extLst>
              <a:ext uri="{FF2B5EF4-FFF2-40B4-BE49-F238E27FC236}">
                <a16:creationId xmlns:a16="http://schemas.microsoft.com/office/drawing/2014/main" id="{5CAC19EA-6E2F-6C17-5190-86F2BC3EB11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C6E297A4-F825-9CDA-5FE6-A6CC86FF3F66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909601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Logo" descr="{&quot;templafy&quot;:{&quot;id&quot;:&quot;79c93b02-7f22-4704-a7ef-98caacef48f5&quot;}}">
            <a:extLst>
              <a:ext uri="{FF2B5EF4-FFF2-40B4-BE49-F238E27FC236}">
                <a16:creationId xmlns:a16="http://schemas.microsoft.com/office/drawing/2014/main" id="{23C285E6-7814-4F84-8EA2-9411BA3F7DFC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9600" y="2451602"/>
            <a:ext cx="2401500" cy="2423103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9F61AC9-3E02-B55B-9C0E-D8A64DDAD36D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  <a:latin typeface="+mj-lt"/>
              </a:rPr>
              <a:t>Titelfolie mit Logo reduziert</a:t>
            </a:r>
            <a:endParaRPr lang="de-DE" sz="80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7430491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Logo" descr="{&quot;templafy&quot;:{&quot;id&quot;:&quot;53851b6a-bdf9-46cc-b2fb-8980b21c9bb5&quot;}}">
            <a:extLst>
              <a:ext uri="{FF2B5EF4-FFF2-40B4-BE49-F238E27FC236}">
                <a16:creationId xmlns:a16="http://schemas.microsoft.com/office/drawing/2014/main" id="{DF8EA35C-F165-9DAD-1991-B5FC5C2340F5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9600" y="2451602"/>
            <a:ext cx="2401500" cy="2423103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E0E20164-2ACA-C670-627C-5105965EA4F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  <a:latin typeface="+mj-lt"/>
              </a:rPr>
              <a:t>Titelfolie rot mit Logo</a:t>
            </a:r>
            <a:endParaRPr lang="de-DE" sz="80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411121635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hema and date">
            <a:extLst>
              <a:ext uri="{FF2B5EF4-FFF2-40B4-BE49-F238E27FC236}">
                <a16:creationId xmlns:a16="http://schemas.microsoft.com/office/drawing/2014/main" id="{94831998-42DA-45E3-9D77-62123369D34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7278" y="3191275"/>
            <a:ext cx="10510202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/>
              <a:t>Thema/Anlass, Tag.Monat.2021</a:t>
            </a:r>
          </a:p>
        </p:txBody>
      </p:sp>
      <p:sp>
        <p:nvSpPr>
          <p:cNvPr id="25" name="Subtitle">
            <a:extLst>
              <a:ext uri="{FF2B5EF4-FFF2-40B4-BE49-F238E27FC236}">
                <a16:creationId xmlns:a16="http://schemas.microsoft.com/office/drawing/2014/main" id="{334DAC06-C0CC-40CA-AFC3-16063BE4CD2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76960" y="1473201"/>
            <a:ext cx="10515600" cy="1508760"/>
          </a:xfrm>
        </p:spPr>
        <p:txBody>
          <a:bodyPr tIns="108000">
            <a:noAutofit/>
          </a:bodyPr>
          <a:lstStyle>
            <a:lvl1pPr marL="0" indent="0" algn="l">
              <a:lnSpc>
                <a:spcPct val="90000"/>
              </a:lnSpc>
              <a:buNone/>
              <a:defRPr sz="420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de-CH" noProof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48135589-86E2-4710-BA06-A9C3BB9B5F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18232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/>
              <a:t>Titel hinzufügen</a:t>
            </a:r>
            <a:br>
              <a:rPr lang="de-CH" noProof="0"/>
            </a:br>
            <a:endParaRPr lang="de-CH" noProof="0"/>
          </a:p>
        </p:txBody>
      </p:sp>
      <p:sp>
        <p:nvSpPr>
          <p:cNvPr id="4" name="Name">
            <a:extLst>
              <a:ext uri="{FF2B5EF4-FFF2-40B4-BE49-F238E27FC236}">
                <a16:creationId xmlns:a16="http://schemas.microsoft.com/office/drawing/2014/main" id="{F7BBEF40-94F7-ABCA-E772-7C4B83D4B73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6400" y="2916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/>
              <a:t>Name und Titel</a:t>
            </a:r>
          </a:p>
        </p:txBody>
      </p:sp>
      <p:cxnSp>
        <p:nvCxnSpPr>
          <p:cNvPr id="3" name="Red line">
            <a:extLst>
              <a:ext uri="{FF2B5EF4-FFF2-40B4-BE49-F238E27FC236}">
                <a16:creationId xmlns:a16="http://schemas.microsoft.com/office/drawing/2014/main" id="{F0624B72-CA48-123B-C362-137C9DC268E3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ijdelijke aanduiding voor voettekst 14">
            <a:extLst>
              <a:ext uri="{FF2B5EF4-FFF2-40B4-BE49-F238E27FC236}">
                <a16:creationId xmlns:a16="http://schemas.microsoft.com/office/drawing/2014/main" id="{619E6025-9DA3-5803-A58F-7F9F131075B2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  <p:sp>
        <p:nvSpPr>
          <p:cNvPr id="16" name="Tijdelijke aanduiding voor dianummer 15">
            <a:extLst>
              <a:ext uri="{FF2B5EF4-FFF2-40B4-BE49-F238E27FC236}">
                <a16:creationId xmlns:a16="http://schemas.microsoft.com/office/drawing/2014/main" id="{5AF00A88-7C6B-5079-7EE1-1A35C516C88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/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BCA1140B-B088-1643-C6FB-DBF8E5575422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</p:spTree>
    <p:extLst>
      <p:ext uri="{BB962C8B-B14F-4D97-AF65-F5344CB8AC3E}">
        <p14:creationId xmlns:p14="http://schemas.microsoft.com/office/powerpoint/2010/main" val="3021125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Kurz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hema and date">
            <a:extLst>
              <a:ext uri="{FF2B5EF4-FFF2-40B4-BE49-F238E27FC236}">
                <a16:creationId xmlns:a16="http://schemas.microsoft.com/office/drawing/2014/main" id="{F69B26A7-791A-43AE-AC82-956FBB9884F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/>
              <a:t>Thema/Anlass, Tag.Monat.2021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23FDBE87-0C00-448F-8952-0CDABC88091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/>
              <a:t>Titel hinzufügen</a:t>
            </a:r>
          </a:p>
        </p:txBody>
      </p:sp>
      <p:sp>
        <p:nvSpPr>
          <p:cNvPr id="4" name="Name">
            <a:extLst>
              <a:ext uri="{FF2B5EF4-FFF2-40B4-BE49-F238E27FC236}">
                <a16:creationId xmlns:a16="http://schemas.microsoft.com/office/drawing/2014/main" id="{AB8391A8-67CD-1481-00B5-2E607FA9D4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69200" y="1674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/>
              <a:t>Name und Titel</a:t>
            </a:r>
          </a:p>
        </p:txBody>
      </p:sp>
      <p:cxnSp>
        <p:nvCxnSpPr>
          <p:cNvPr id="5" name="Red line">
            <a:extLst>
              <a:ext uri="{FF2B5EF4-FFF2-40B4-BE49-F238E27FC236}">
                <a16:creationId xmlns:a16="http://schemas.microsoft.com/office/drawing/2014/main" id="{FF981C3A-5B7C-8A11-E2D1-8DFC1237EA09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ijdelijke aanduiding voor datum 14">
            <a:extLst>
              <a:ext uri="{FF2B5EF4-FFF2-40B4-BE49-F238E27FC236}">
                <a16:creationId xmlns:a16="http://schemas.microsoft.com/office/drawing/2014/main" id="{5210C7DA-E626-4138-41C4-FFE5363DB1EA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16" name="Tijdelijke aanduiding voor voettekst 15">
            <a:extLst>
              <a:ext uri="{FF2B5EF4-FFF2-40B4-BE49-F238E27FC236}">
                <a16:creationId xmlns:a16="http://schemas.microsoft.com/office/drawing/2014/main" id="{3332C726-23BC-5621-87CD-3AE9B7B686ED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  <p:sp>
        <p:nvSpPr>
          <p:cNvPr id="17" name="Tijdelijke aanduiding voor dianummer 16">
            <a:extLst>
              <a:ext uri="{FF2B5EF4-FFF2-40B4-BE49-F238E27FC236}">
                <a16:creationId xmlns:a16="http://schemas.microsoft.com/office/drawing/2014/main" id="{04FC643D-FB4C-B07E-897A-355CB5CFF00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00802376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ohne Untertitel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hema and date">
            <a:extLst>
              <a:ext uri="{FF2B5EF4-FFF2-40B4-BE49-F238E27FC236}">
                <a16:creationId xmlns:a16="http://schemas.microsoft.com/office/drawing/2014/main" id="{823AF8E3-CDEF-412C-B0B7-1B570B843EF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/>
              <a:t>Thema/Anlass, Tag.Monat.2021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9CF2C0D7-D0D8-4995-8605-AA1EACB1EB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38345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/>
              <a:t>Titel 2. Zeile</a:t>
            </a:r>
            <a:br>
              <a:rPr lang="de-CH" noProof="0"/>
            </a:br>
            <a:r>
              <a:rPr lang="de-CH" noProof="0"/>
              <a:t>Titel</a:t>
            </a:r>
          </a:p>
        </p:txBody>
      </p:sp>
      <p:sp>
        <p:nvSpPr>
          <p:cNvPr id="5" name="Name">
            <a:extLst>
              <a:ext uri="{FF2B5EF4-FFF2-40B4-BE49-F238E27FC236}">
                <a16:creationId xmlns:a16="http://schemas.microsoft.com/office/drawing/2014/main" id="{7D18F409-58AF-0F68-C4B1-B8D5C083BA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069200" y="1674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/>
              <a:t>Name und Titel</a:t>
            </a:r>
          </a:p>
        </p:txBody>
      </p:sp>
      <p:cxnSp>
        <p:nvCxnSpPr>
          <p:cNvPr id="6" name="Red line">
            <a:extLst>
              <a:ext uri="{FF2B5EF4-FFF2-40B4-BE49-F238E27FC236}">
                <a16:creationId xmlns:a16="http://schemas.microsoft.com/office/drawing/2014/main" id="{DC7F4AE9-6319-47FD-40D9-9A051DE24054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ijdelijke aanduiding voor datum 10">
            <a:extLst>
              <a:ext uri="{FF2B5EF4-FFF2-40B4-BE49-F238E27FC236}">
                <a16:creationId xmlns:a16="http://schemas.microsoft.com/office/drawing/2014/main" id="{8FA3A926-BFFE-9187-974F-D2E79176387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12" name="Tijdelijke aanduiding voor voettekst 11">
            <a:extLst>
              <a:ext uri="{FF2B5EF4-FFF2-40B4-BE49-F238E27FC236}">
                <a16:creationId xmlns:a16="http://schemas.microsoft.com/office/drawing/2014/main" id="{993B69D6-B6BE-5B43-F9DF-685E2874B509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  <p:sp>
        <p:nvSpPr>
          <p:cNvPr id="13" name="Tijdelijke aanduiding voor dianummer 12">
            <a:extLst>
              <a:ext uri="{FF2B5EF4-FFF2-40B4-BE49-F238E27FC236}">
                <a16:creationId xmlns:a16="http://schemas.microsoft.com/office/drawing/2014/main" id="{E34CE106-8765-98EE-732F-2D52F97F2FDC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00272307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altsverzeichni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able of 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71880" y="1447800"/>
            <a:ext cx="10515600" cy="4351338"/>
          </a:xfrm>
        </p:spPr>
        <p:txBody>
          <a:bodyPr>
            <a:noAutofit/>
          </a:bodyPr>
          <a:lstStyle>
            <a:lvl1pPr marL="514350" indent="-514350">
              <a:spcAft>
                <a:spcPts val="0"/>
              </a:spcAft>
              <a:buAutoNum type="arabicPeriod"/>
              <a:defRPr sz="2600"/>
            </a:lvl1pPr>
          </a:lstStyle>
          <a:p>
            <a:pPr lvl="0"/>
            <a:r>
              <a:rPr lang="de-CH" noProof="0"/>
              <a:t>Inhalt hinzufügen</a:t>
            </a:r>
          </a:p>
        </p:txBody>
      </p:sp>
      <p:sp>
        <p:nvSpPr>
          <p:cNvPr id="5" name="Title">
            <a:extLst>
              <a:ext uri="{FF2B5EF4-FFF2-40B4-BE49-F238E27FC236}">
                <a16:creationId xmlns:a16="http://schemas.microsoft.com/office/drawing/2014/main" id="{40C031B9-4B32-44CE-A145-BFDB0167559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/>
              <a:t>Titel hinzufügen</a:t>
            </a:r>
          </a:p>
        </p:txBody>
      </p:sp>
      <p:sp>
        <p:nvSpPr>
          <p:cNvPr id="2" name="Tijdelijke aanduiding voor datum 1">
            <a:extLst>
              <a:ext uri="{FF2B5EF4-FFF2-40B4-BE49-F238E27FC236}">
                <a16:creationId xmlns:a16="http://schemas.microsoft.com/office/drawing/2014/main" id="{2178C11D-E829-F832-F4AE-5BA0716968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61729411-F309-D7D3-71A1-6D1033C8FA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16941EC-A47A-CA11-5DDA-C8D42532D5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410762849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eiten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AF6088A9-5259-4AAF-A028-C07F0D5BFD3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Kapitel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4E48C17-AA22-48E0-9072-4A51F911B4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/>
              <a:t>Kapiteltitel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1A2851D3-4989-A190-D373-5DA1297BF81D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r>
              <a:rPr lang="de-CH"/>
              <a:t>18. Januar 2023, Bern</a:t>
            </a:r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4061AEA7-6602-E4A2-DD82-9E4AAC839078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12036293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" descr="{&quot;templafy&quot;:{&quot;id&quot;:&quot;6ccc20fb-1703-4256-864c-0bc18538870f&quot;}}">
            <a:extLst>
              <a:ext uri="{FF2B5EF4-FFF2-40B4-BE49-F238E27FC236}">
                <a16:creationId xmlns:a16="http://schemas.microsoft.com/office/drawing/2014/main" id="{C8A7B36A-B3BC-45C2-A59F-40A3507CDE25}"/>
              </a:ext>
            </a:extLst>
          </p:cNvPr>
          <p:cNvSpPr/>
          <p:nvPr userDrawn="1"/>
        </p:nvSpPr>
        <p:spPr>
          <a:xfrm>
            <a:off x="1342800" y="6444000"/>
            <a:ext cx="1615873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e-CH" sz="1200" noProof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187A60C8-28BE-4B3A-BCC2-C1EB91D5B0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10654" y="6444000"/>
            <a:ext cx="371162" cy="365125"/>
          </a:xfrm>
          <a:prstGeom prst="rect">
            <a:avLst/>
          </a:prstGeom>
        </p:spPr>
        <p:txBody>
          <a:bodyPr vert="horz" lIns="36000" tIns="36000" rIns="36000" bIns="36000" rtlCol="0" anchor="ctr"/>
          <a:lstStyle>
            <a:lvl1pPr algn="r">
              <a:defRPr lang="en-GB" sz="1200" kern="1200" smtClean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</a:lstStyle>
          <a:p>
            <a:fld id="{9C819A1E-7CFD-44ED-A7EE-35C8DB5FAD42}" type="slidenum">
              <a:rPr lang="de-CH" smtClean="0"/>
              <a:pPr/>
              <a:t>‹Nr.›</a:t>
            </a:fld>
            <a:endParaRPr lang="de-CH"/>
          </a:p>
        </p:txBody>
      </p:sp>
      <p:sp>
        <p:nvSpPr>
          <p:cNvPr id="3" name="Text">
            <a:extLst>
              <a:ext uri="{FF2B5EF4-FFF2-40B4-BE49-F238E27FC236}">
                <a16:creationId xmlns:a16="http://schemas.microsoft.com/office/drawing/2014/main" id="{9B41C1E1-CEB7-486D-9162-CFFACABF07B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de-CH" noProof="0"/>
              <a:t>Inhalt hinzufügen</a:t>
            </a:r>
          </a:p>
        </p:txBody>
      </p:sp>
      <p:sp>
        <p:nvSpPr>
          <p:cNvPr id="2" name="Titel">
            <a:extLst>
              <a:ext uri="{FF2B5EF4-FFF2-40B4-BE49-F238E27FC236}">
                <a16:creationId xmlns:a16="http://schemas.microsoft.com/office/drawing/2014/main" id="{789BBD91-FA68-409D-B381-32B864E692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1880" y="290873"/>
            <a:ext cx="10515600" cy="749575"/>
          </a:xfrm>
          <a:prstGeom prst="rect">
            <a:avLst/>
          </a:prstGeom>
        </p:spPr>
        <p:txBody>
          <a:bodyPr vert="horz" lIns="91440" tIns="90000" rIns="91440" bIns="45720" rtlCol="0" anchor="t">
            <a:noAutofit/>
          </a:bodyPr>
          <a:lstStyle/>
          <a:p>
            <a:r>
              <a:rPr lang="de-CH" noProof="0"/>
              <a:t>Titel </a:t>
            </a:r>
          </a:p>
        </p:txBody>
      </p:sp>
      <p:pic>
        <p:nvPicPr>
          <p:cNvPr id="10" name="Logo" descr="{&quot;templafy&quot;:{&quot;id&quot;:&quot;bb099368-b179-467f-a5e9-0045b28e465d&quot;}}">
            <a:extLst>
              <a:ext uri="{FF2B5EF4-FFF2-40B4-BE49-F238E27FC236}">
                <a16:creationId xmlns:a16="http://schemas.microsoft.com/office/drawing/2014/main" id="{3319A8BA-12BE-91FF-1B34-96DE3C5722E7}"/>
              </a:ext>
            </a:extLst>
          </p:cNvPr>
          <p:cNvPicPr>
            <a:picLocks/>
          </p:cNvPicPr>
          <p:nvPr userDrawn="1"/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600" y="306000"/>
            <a:ext cx="1148544" cy="720090"/>
          </a:xfrm>
          <a:prstGeom prst="rect">
            <a:avLst/>
          </a:prstGeom>
        </p:spPr>
      </p:pic>
      <p:cxnSp>
        <p:nvCxnSpPr>
          <p:cNvPr id="13" name="Red line">
            <a:extLst>
              <a:ext uri="{FF2B5EF4-FFF2-40B4-BE49-F238E27FC236}">
                <a16:creationId xmlns:a16="http://schemas.microsoft.com/office/drawing/2014/main" id="{ADA05145-5711-4522-8D2E-644F05000567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ED9B5B7B-E577-A2EE-84D3-AEBFB27134D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548" y="6444000"/>
            <a:ext cx="2254930" cy="365125"/>
          </a:xfrm>
          <a:prstGeom prst="rect">
            <a:avLst/>
          </a:prstGeom>
        </p:spPr>
        <p:txBody>
          <a:bodyPr vert="horz" wrap="none" lIns="91440" tIns="45720" rIns="91440" bIns="45720" rtlCol="0" anchor="ctr"/>
          <a:lstStyle>
            <a:lvl1pPr algn="l">
              <a:defRPr sz="1200">
                <a:solidFill>
                  <a:schemeClr val="tx1"/>
                </a:solidFill>
              </a:defRPr>
            </a:lvl1pPr>
          </a:lstStyle>
          <a:p>
            <a:r>
              <a:rPr lang="de-CH"/>
              <a:t>18. Januar 2023, Bern</a:t>
            </a:r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7509D695-BB18-932A-040D-5F6D0EDE94D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798000" y="6444000"/>
            <a:ext cx="77796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/>
                </a:solidFill>
              </a:defRPr>
            </a:lvl1pPr>
          </a:lstStyle>
          <a:p>
            <a:r>
              <a:rPr lang="de-CH"/>
              <a:t>Organisationseinheit</a:t>
            </a:r>
          </a:p>
        </p:txBody>
      </p:sp>
    </p:spTree>
    <p:extLst>
      <p:ext uri="{BB962C8B-B14F-4D97-AF65-F5344CB8AC3E}">
        <p14:creationId xmlns:p14="http://schemas.microsoft.com/office/powerpoint/2010/main" val="304246595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714" r:id="rId2"/>
    <p:sldLayoutId id="2147483675" r:id="rId3"/>
    <p:sldLayoutId id="2147483715" r:id="rId4"/>
    <p:sldLayoutId id="2147483717" r:id="rId5"/>
    <p:sldLayoutId id="2147483719" r:id="rId6"/>
    <p:sldLayoutId id="2147483720" r:id="rId7"/>
    <p:sldLayoutId id="2147483690" r:id="rId8"/>
    <p:sldLayoutId id="2147483703" r:id="rId9"/>
    <p:sldLayoutId id="2147483704" r:id="rId10"/>
    <p:sldLayoutId id="2147483705" r:id="rId11"/>
    <p:sldLayoutId id="2147483654" r:id="rId12"/>
    <p:sldLayoutId id="2147483706" r:id="rId13"/>
    <p:sldLayoutId id="2147483680" r:id="rId14"/>
    <p:sldLayoutId id="2147483678" r:id="rId15"/>
    <p:sldLayoutId id="2147483709" r:id="rId16"/>
    <p:sldLayoutId id="2147483710" r:id="rId17"/>
    <p:sldLayoutId id="2147483711" r:id="rId18"/>
    <p:sldLayoutId id="2147483712" r:id="rId19"/>
    <p:sldLayoutId id="2147483718" r:id="rId20"/>
    <p:sldLayoutId id="2147483716" r:id="rId21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200" kern="1200">
          <a:solidFill>
            <a:schemeClr val="accent6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000"/>
        </a:spcBef>
        <a:spcAft>
          <a:spcPts val="600"/>
        </a:spcAft>
        <a:buFont typeface="Courier New" panose="02070309020205020404" pitchFamily="49" charset="0"/>
        <a:buNone/>
        <a:defRPr sz="2600" kern="1200">
          <a:solidFill>
            <a:schemeClr val="tx1"/>
          </a:solidFill>
          <a:latin typeface="+mn-lt"/>
          <a:ea typeface="+mn-ea"/>
          <a:cs typeface="+mn-cs"/>
        </a:defRPr>
      </a:lvl1pPr>
      <a:lvl2pPr marL="32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Clr>
          <a:srgbClr val="FF0000"/>
        </a:buClr>
        <a:buFontTx/>
        <a:buChar char="‒"/>
        <a:defRPr sz="2600" kern="1200">
          <a:solidFill>
            <a:schemeClr val="tx1"/>
          </a:solidFill>
          <a:latin typeface="+mn-lt"/>
          <a:ea typeface="+mn-ea"/>
          <a:cs typeface="+mn-cs"/>
        </a:defRPr>
      </a:lvl2pPr>
      <a:lvl3pPr marL="68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3pPr>
      <a:lvl4pPr marL="1008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4pPr>
      <a:lvl5pPr marL="1332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0.xml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6.xml"/><Relationship Id="rId5" Type="http://schemas.openxmlformats.org/officeDocument/2006/relationships/hyperlink" Target="http://www.unibe.ch/kdz" TargetMode="External"/><Relationship Id="rId4" Type="http://schemas.openxmlformats.org/officeDocument/2006/relationships/image" Target="../media/image9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46F4D761-2D27-BC6F-99AD-37924762FDD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1880" y="290873"/>
            <a:ext cx="10163679" cy="1182328"/>
          </a:xfrm>
        </p:spPr>
        <p:txBody>
          <a:bodyPr/>
          <a:lstStyle/>
          <a:p>
            <a:r>
              <a:rPr lang="de-CH"/>
              <a:t>Kompetenzen für die (digitale) Zukunft</a:t>
            </a:r>
          </a:p>
        </p:txBody>
      </p:sp>
      <p:pic>
        <p:nvPicPr>
          <p:cNvPr id="16" name="Grafik 15">
            <a:extLst>
              <a:ext uri="{FF2B5EF4-FFF2-40B4-BE49-F238E27FC236}">
                <a16:creationId xmlns:a16="http://schemas.microsoft.com/office/drawing/2014/main" id="{85004EDE-5AC9-94DE-9F8F-B3F3D0FE14DE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0261"/>
          <a:stretch/>
        </p:blipFill>
        <p:spPr>
          <a:xfrm>
            <a:off x="109728" y="5017830"/>
            <a:ext cx="4682534" cy="1588829"/>
          </a:xfrm>
          <a:prstGeom prst="rect">
            <a:avLst/>
          </a:prstGeom>
        </p:spPr>
      </p:pic>
      <p:sp>
        <p:nvSpPr>
          <p:cNvPr id="18" name="Ondertitel 8">
            <a:extLst>
              <a:ext uri="{FF2B5EF4-FFF2-40B4-BE49-F238E27FC236}">
                <a16:creationId xmlns:a16="http://schemas.microsoft.com/office/drawing/2014/main" id="{D4A126B1-3A58-36BA-A121-0A5214F2BA38}"/>
              </a:ext>
            </a:extLst>
          </p:cNvPr>
          <p:cNvSpPr txBox="1">
            <a:spLocks/>
          </p:cNvSpPr>
          <p:nvPr/>
        </p:nvSpPr>
        <p:spPr>
          <a:xfrm>
            <a:off x="1021629" y="1085799"/>
            <a:ext cx="10947019" cy="754372"/>
          </a:xfrm>
          <a:prstGeom prst="rect">
            <a:avLst/>
          </a:prstGeom>
        </p:spPr>
        <p:txBody>
          <a:bodyPr vert="horz" lIns="91440" tIns="108000" rIns="91440" bIns="45720" rtlCol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Font typeface="Courier New" panose="02070309020205020404" pitchFamily="49" charset="0"/>
              <a:buNone/>
              <a:defRPr sz="4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Clr>
                <a:srgbClr val="FF0000"/>
              </a:buClr>
              <a:buFontTx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FontTx/>
              <a:buNone/>
              <a:defRPr sz="18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FontTx/>
              <a:buNone/>
              <a:defRPr sz="16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FontTx/>
              <a:buNone/>
              <a:defRPr sz="16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sz="3000">
                <a:latin typeface="Arial"/>
                <a:cs typeface="Arial"/>
              </a:rPr>
              <a:t>Online-Lerneinheiten für die Herausforderungen von morgen</a:t>
            </a:r>
            <a:endParaRPr lang="de-DE" sz="3000">
              <a:latin typeface="Arial"/>
              <a:cs typeface="Arial"/>
            </a:endParaRPr>
          </a:p>
        </p:txBody>
      </p:sp>
      <p:pic>
        <p:nvPicPr>
          <p:cNvPr id="6" name="Grafik 5">
            <a:extLst>
              <a:ext uri="{FF2B5EF4-FFF2-40B4-BE49-F238E27FC236}">
                <a16:creationId xmlns:a16="http://schemas.microsoft.com/office/drawing/2014/main" id="{E6FC96CD-668E-3E46-6958-058E9C79CA6D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0261"/>
          <a:stretch/>
        </p:blipFill>
        <p:spPr>
          <a:xfrm>
            <a:off x="4931817" y="5017830"/>
            <a:ext cx="4682534" cy="1588829"/>
          </a:xfrm>
          <a:prstGeom prst="rect">
            <a:avLst/>
          </a:prstGeom>
        </p:spPr>
      </p:pic>
      <p:sp>
        <p:nvSpPr>
          <p:cNvPr id="7" name="Textfeld 10">
            <a:extLst>
              <a:ext uri="{FF2B5EF4-FFF2-40B4-BE49-F238E27FC236}">
                <a16:creationId xmlns:a16="http://schemas.microsoft.com/office/drawing/2014/main" id="{CAA74D26-3FC1-9E17-0F77-8AD1444FA9B8}"/>
              </a:ext>
            </a:extLst>
          </p:cNvPr>
          <p:cNvSpPr txBox="1"/>
          <p:nvPr/>
        </p:nvSpPr>
        <p:spPr>
          <a:xfrm>
            <a:off x="1071880" y="2268127"/>
            <a:ext cx="8713074" cy="2246769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2400">
                <a:latin typeface="Arial"/>
                <a:ea typeface="Verdana"/>
                <a:cs typeface="Arial"/>
              </a:rPr>
              <a:t>2-stündige Online-</a:t>
            </a:r>
            <a:r>
              <a:rPr lang="en-GB" sz="2400" err="1">
                <a:latin typeface="Arial"/>
                <a:ea typeface="Verdana"/>
                <a:cs typeface="Arial"/>
              </a:rPr>
              <a:t>Lerneinheiten</a:t>
            </a:r>
            <a:endParaRPr lang="en-GB" sz="2400">
              <a:latin typeface="Arial"/>
              <a:ea typeface="Verdana"/>
              <a:cs typeface="Arial"/>
            </a:endParaRP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2400" err="1">
                <a:latin typeface="Arial"/>
                <a:ea typeface="Verdana"/>
                <a:cs typeface="Arial"/>
              </a:rPr>
              <a:t>Selbststudium</a:t>
            </a:r>
            <a:endParaRPr lang="en-GB" sz="2400">
              <a:latin typeface="Arial"/>
              <a:ea typeface="Verdana"/>
              <a:cs typeface="Arial"/>
            </a:endParaRP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2400" err="1">
                <a:latin typeface="Arial"/>
                <a:ea typeface="Verdana"/>
                <a:cs typeface="Arial"/>
              </a:rPr>
              <a:t>Angebot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wird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laufend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erweitert</a:t>
            </a:r>
            <a:endParaRPr lang="en-GB" sz="2400">
              <a:latin typeface="Arial"/>
              <a:ea typeface="Verdana"/>
              <a:cs typeface="Arial"/>
            </a:endParaRP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2400" err="1">
                <a:latin typeface="Arial"/>
                <a:ea typeface="Verdana"/>
                <a:cs typeface="Arial"/>
              </a:rPr>
              <a:t>attraktive</a:t>
            </a:r>
            <a:r>
              <a:rPr lang="en-GB" sz="2400">
                <a:latin typeface="Arial"/>
                <a:ea typeface="Verdana"/>
                <a:cs typeface="Arial"/>
              </a:rPr>
              <a:t> und </a:t>
            </a:r>
            <a:r>
              <a:rPr lang="en-GB" sz="2400" err="1">
                <a:latin typeface="Arial"/>
                <a:ea typeface="Verdana"/>
                <a:cs typeface="Arial"/>
              </a:rPr>
              <a:t>abwechslungsreiche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Gestaltung</a:t>
            </a:r>
            <a:endParaRPr lang="en-GB" sz="2400">
              <a:latin typeface="Arial"/>
              <a:ea typeface="Verdana"/>
              <a:cs typeface="Arial"/>
            </a:endParaRP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2400" err="1">
                <a:latin typeface="Arial"/>
                <a:ea typeface="Verdana"/>
                <a:cs typeface="Arial"/>
              </a:rPr>
              <a:t>Abschlussbestätigung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nach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erfolgreicher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Absolvierung</a:t>
            </a:r>
            <a:endParaRPr lang="en-GB" sz="2400">
              <a:latin typeface="Arial"/>
              <a:ea typeface="Verdana"/>
              <a:cs typeface="Arial"/>
            </a:endParaRP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707D8EB3-A0AC-565E-45A1-366093DD507B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" b="1987"/>
          <a:stretch/>
        </p:blipFill>
        <p:spPr>
          <a:xfrm>
            <a:off x="9729522" y="5017830"/>
            <a:ext cx="2324470" cy="158296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740076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46F4D761-2D27-BC6F-99AD-37924762FDD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1880" y="290873"/>
            <a:ext cx="10491288" cy="1182328"/>
          </a:xfrm>
        </p:spPr>
        <p:txBody>
          <a:bodyPr/>
          <a:lstStyle/>
          <a:p>
            <a:r>
              <a:rPr lang="de-CH"/>
              <a:t>Kompetenzen für die (digitale) Zukunft</a:t>
            </a:r>
          </a:p>
        </p:txBody>
      </p:sp>
      <p:pic>
        <p:nvPicPr>
          <p:cNvPr id="19" name="Picture 5">
            <a:extLst>
              <a:ext uri="{FF2B5EF4-FFF2-40B4-BE49-F238E27FC236}">
                <a16:creationId xmlns:a16="http://schemas.microsoft.com/office/drawing/2014/main" id="{2AB07363-444C-9B6F-75B7-2B510BFE7A6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645414" y="4038171"/>
            <a:ext cx="2323234" cy="2315284"/>
          </a:xfrm>
          <a:prstGeom prst="rect">
            <a:avLst/>
          </a:prstGeom>
        </p:spPr>
      </p:pic>
      <p:sp>
        <p:nvSpPr>
          <p:cNvPr id="20" name="Textfeld 19">
            <a:extLst>
              <a:ext uri="{FF2B5EF4-FFF2-40B4-BE49-F238E27FC236}">
                <a16:creationId xmlns:a16="http://schemas.microsoft.com/office/drawing/2014/main" id="{D212C9E8-D4C2-BC81-FB37-340B4F587C4C}"/>
              </a:ext>
            </a:extLst>
          </p:cNvPr>
          <p:cNvSpPr txBox="1"/>
          <p:nvPr/>
        </p:nvSpPr>
        <p:spPr>
          <a:xfrm>
            <a:off x="9739710" y="6292077"/>
            <a:ext cx="207538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/>
            <a:r>
              <a:rPr lang="en-GB">
                <a:solidFill>
                  <a:srgbClr val="E4003C"/>
                </a:solidFill>
                <a:latin typeface="Arial"/>
                <a:ea typeface="Verdana"/>
                <a:cs typeface="Arial"/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unibe.ch/kdz</a:t>
            </a:r>
            <a:r>
              <a:rPr lang="en-GB">
                <a:solidFill>
                  <a:srgbClr val="E4003C"/>
                </a:solidFill>
                <a:latin typeface="Arial"/>
                <a:ea typeface="Verdana"/>
                <a:cs typeface="Arial"/>
              </a:rPr>
              <a:t> </a:t>
            </a:r>
          </a:p>
        </p:txBody>
      </p:sp>
      <p:sp>
        <p:nvSpPr>
          <p:cNvPr id="6" name="Ondertitel 8">
            <a:extLst>
              <a:ext uri="{FF2B5EF4-FFF2-40B4-BE49-F238E27FC236}">
                <a16:creationId xmlns:a16="http://schemas.microsoft.com/office/drawing/2014/main" id="{C3F603FB-DE09-9D9F-683F-E4D890350EF0}"/>
              </a:ext>
            </a:extLst>
          </p:cNvPr>
          <p:cNvSpPr txBox="1">
            <a:spLocks/>
          </p:cNvSpPr>
          <p:nvPr/>
        </p:nvSpPr>
        <p:spPr>
          <a:xfrm>
            <a:off x="1021629" y="1096015"/>
            <a:ext cx="10947019" cy="754372"/>
          </a:xfrm>
          <a:prstGeom prst="rect">
            <a:avLst/>
          </a:prstGeom>
        </p:spPr>
        <p:txBody>
          <a:bodyPr vert="horz" lIns="91440" tIns="108000" rIns="91440" bIns="45720" rtlCol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Font typeface="Courier New" panose="02070309020205020404" pitchFamily="49" charset="0"/>
              <a:buNone/>
              <a:defRPr sz="4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Clr>
                <a:srgbClr val="FF0000"/>
              </a:buClr>
              <a:buFontTx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FontTx/>
              <a:buNone/>
              <a:defRPr sz="18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FontTx/>
              <a:buNone/>
              <a:defRPr sz="16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FontTx/>
              <a:buNone/>
              <a:defRPr sz="16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sz="3000">
                <a:latin typeface="Arial"/>
                <a:cs typeface="Arial"/>
              </a:rPr>
              <a:t>Coming </a:t>
            </a:r>
            <a:r>
              <a:rPr lang="de-CH" sz="3000" err="1">
                <a:latin typeface="Arial"/>
                <a:cs typeface="Arial"/>
              </a:rPr>
              <a:t>soon</a:t>
            </a:r>
            <a:r>
              <a:rPr lang="de-CH" sz="3000">
                <a:latin typeface="Arial"/>
                <a:cs typeface="Arial"/>
              </a:rPr>
              <a:t> …</a:t>
            </a:r>
            <a:endParaRPr lang="de-DE" sz="3000">
              <a:latin typeface="Arial"/>
              <a:cs typeface="Arial"/>
            </a:endParaRPr>
          </a:p>
        </p:txBody>
      </p:sp>
      <p:sp>
        <p:nvSpPr>
          <p:cNvPr id="7" name="Textfeld 10">
            <a:extLst>
              <a:ext uri="{FF2B5EF4-FFF2-40B4-BE49-F238E27FC236}">
                <a16:creationId xmlns:a16="http://schemas.microsoft.com/office/drawing/2014/main" id="{DE96C112-029E-EF59-282C-2FDD70A0C8EB}"/>
              </a:ext>
            </a:extLst>
          </p:cNvPr>
          <p:cNvSpPr txBox="1"/>
          <p:nvPr/>
        </p:nvSpPr>
        <p:spPr>
          <a:xfrm>
            <a:off x="1071880" y="2367703"/>
            <a:ext cx="4866465" cy="3046988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2400">
                <a:latin typeface="Arial"/>
                <a:ea typeface="Verdana"/>
                <a:cs typeface="Arial"/>
              </a:rPr>
              <a:t>Economic aspects of digitis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2400">
                <a:latin typeface="Arial"/>
                <a:ea typeface="Verdana"/>
                <a:cs typeface="Arial"/>
              </a:rPr>
              <a:t>Human bodies in the digital ag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2400" err="1">
                <a:latin typeface="Arial"/>
                <a:ea typeface="Verdana"/>
                <a:cs typeface="Arial"/>
              </a:rPr>
              <a:t>Gerechtere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Algorithmen</a:t>
            </a:r>
            <a:endParaRPr lang="en-GB" sz="2400">
              <a:cs typeface="Calibri"/>
            </a:endParaRPr>
          </a:p>
          <a:p>
            <a:pPr marL="285750" indent="-285750">
              <a:buFont typeface="Arial"/>
              <a:buChar char="•"/>
            </a:pPr>
            <a:r>
              <a:rPr lang="en-GB" sz="2400">
                <a:latin typeface="Arial"/>
                <a:ea typeface="Verdana"/>
                <a:cs typeface="Arial"/>
              </a:rPr>
              <a:t>E-</a:t>
            </a:r>
            <a:r>
              <a:rPr lang="en-GB" sz="2400" err="1">
                <a:latin typeface="Arial"/>
                <a:ea typeface="Verdana"/>
                <a:cs typeface="Arial"/>
              </a:rPr>
              <a:t>Demokratie</a:t>
            </a:r>
            <a:endParaRPr lang="en-GB" sz="2400">
              <a:latin typeface="Arial"/>
              <a:ea typeface="Verdana"/>
              <a:cs typeface="Arial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2400">
                <a:latin typeface="Arial"/>
                <a:ea typeface="Verdana"/>
                <a:cs typeface="Arial"/>
              </a:rPr>
              <a:t>Hate speech</a:t>
            </a:r>
          </a:p>
          <a:p>
            <a:pPr marL="285750" indent="-285750">
              <a:buFont typeface="Arial"/>
              <a:buChar char="•"/>
            </a:pPr>
            <a:r>
              <a:rPr lang="en-GB" sz="2400" err="1">
                <a:latin typeface="Arial"/>
                <a:ea typeface="Verdana"/>
                <a:cs typeface="Arial"/>
              </a:rPr>
              <a:t>Kritisches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Denken</a:t>
            </a:r>
            <a:endParaRPr lang="en-GB" sz="2400">
              <a:latin typeface="Arial"/>
              <a:ea typeface="Verdana"/>
              <a:cs typeface="Arial"/>
            </a:endParaRPr>
          </a:p>
          <a:p>
            <a:pPr marL="285750" indent="-285750">
              <a:buFont typeface="Arial"/>
              <a:buChar char="•"/>
            </a:pPr>
            <a:r>
              <a:rPr lang="en-GB" sz="2400" err="1">
                <a:latin typeface="Arial"/>
                <a:ea typeface="Verdana"/>
                <a:cs typeface="Arial"/>
              </a:rPr>
              <a:t>Erfolgreich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gründen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im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digitalen</a:t>
            </a:r>
            <a:r>
              <a:rPr lang="en-GB" sz="2400">
                <a:latin typeface="Arial"/>
                <a:ea typeface="Verdana"/>
                <a:cs typeface="Arial"/>
              </a:rPr>
              <a:t> </a:t>
            </a:r>
            <a:r>
              <a:rPr lang="en-GB" sz="2400" err="1">
                <a:latin typeface="Arial"/>
                <a:ea typeface="Verdana"/>
                <a:cs typeface="Arial"/>
              </a:rPr>
              <a:t>Zeitalter</a:t>
            </a:r>
            <a:endParaRPr lang="en-GB" sz="2400">
              <a:latin typeface="Arial"/>
              <a:ea typeface="Verdana"/>
              <a:cs typeface="Arial"/>
            </a:endParaRPr>
          </a:p>
        </p:txBody>
      </p:sp>
      <p:sp>
        <p:nvSpPr>
          <p:cNvPr id="8" name="Textfeld 10">
            <a:extLst>
              <a:ext uri="{FF2B5EF4-FFF2-40B4-BE49-F238E27FC236}">
                <a16:creationId xmlns:a16="http://schemas.microsoft.com/office/drawing/2014/main" id="{C4F6631A-B522-4435-B248-27B16DE13D5E}"/>
              </a:ext>
            </a:extLst>
          </p:cNvPr>
          <p:cNvSpPr txBox="1"/>
          <p:nvPr/>
        </p:nvSpPr>
        <p:spPr>
          <a:xfrm>
            <a:off x="6253657" y="2367703"/>
            <a:ext cx="4734463" cy="1569660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2400">
                <a:latin typeface="Arial"/>
                <a:ea typeface="Verdana"/>
                <a:cs typeface="Arial"/>
              </a:rPr>
              <a:t>Collecting data, avoiding bia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2400">
                <a:latin typeface="Arial"/>
                <a:ea typeface="Verdana"/>
                <a:cs typeface="Arial"/>
              </a:rPr>
              <a:t>Data processing</a:t>
            </a:r>
          </a:p>
          <a:p>
            <a:pPr marL="285750" indent="-285750">
              <a:buFont typeface="Arial"/>
              <a:buChar char="•"/>
            </a:pPr>
            <a:r>
              <a:rPr lang="en-GB" sz="2400" err="1">
                <a:latin typeface="Arial"/>
                <a:ea typeface="Verdana"/>
                <a:cs typeface="Arial"/>
              </a:rPr>
              <a:t>Informationsnutzung</a:t>
            </a:r>
            <a:endParaRPr lang="en-GB" sz="2400">
              <a:latin typeface="Arial"/>
              <a:ea typeface="Verdana"/>
              <a:cs typeface="Arial"/>
            </a:endParaRPr>
          </a:p>
          <a:p>
            <a:pPr marL="285750" indent="-285750">
              <a:buFont typeface="Arial"/>
              <a:buChar char="•"/>
            </a:pPr>
            <a:r>
              <a:rPr lang="en-GB" sz="2400">
                <a:latin typeface="Arial"/>
                <a:ea typeface="Verdana"/>
                <a:cs typeface="Arial"/>
              </a:rPr>
              <a:t>Digital Scholarship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0369344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Responsible TimeSlot Duration SlideNumber"/>
</p:tagLst>
</file>

<file path=ppt/theme/theme1.xml><?xml version="1.0" encoding="utf-8"?>
<a:theme xmlns:a="http://schemas.openxmlformats.org/drawingml/2006/main" name="Universität Bern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University of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äsentation2" id="{2673B777-1809-4DC4-8473-DD3C70779BFC}" vid="{AF0FED52-0E71-407D-BBE4-C81643DE8063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8097205772835149","enableDocumentContentUpdater":true,"version":"1.13"}]]></TemplafySlideTemplateConfiguration>
</file>

<file path=customXml/item10.xml><?xml version="1.0" encoding="utf-8"?>
<TemplafySlideTemplateConfiguration><![CDATA[{"slideVersion":0,"isValidatorEnabled":false,"isLocked":false,"elementsMetadata":[],"slideId":"638097205772678871","enableDocumentContentUpdater":true,"version":"1.13"}]]></TemplafySlideTemplateConfiguration>
</file>

<file path=customXml/item11.xml><?xml version="1.0" encoding="utf-8"?>
<TemplafySlideTemplateConfiguration><![CDATA[{"slideVersion":0,"isValidatorEnabled":false,"isLocked":false,"elementsMetadata":[],"slideId":"637910471548197205","enableDocumentContentUpdater":true,"version":"1.13"}]]></TemplafySlideTemplateConfiguration>
</file>

<file path=customXml/item12.xml><?xml version="1.0" encoding="utf-8"?>
<TemplafySlideTemplateConfiguration><![CDATA[{"slideVersion":0,"isValidatorEnabled":false,"isLocked":false,"elementsMetadata":[],"slideId":"637910471548040951","enableDocumentContentUpdater":true,"version":"1.13"}]]></TemplafySlideTemplateConfiguration>
</file>

<file path=customXml/item13.xml><?xml version="1.0" encoding="utf-8"?>
<TemplafySlideTemplateConfiguration><![CDATA[{"slideVersion":0,"isValidatorEnabled":false,"isLocked":false,"elementsMetadata":[],"slideId":"637914799454929334","enableDocumentContentUpdater":true,"version":"1.13"}]]></TemplafySlideTemplate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8097205772678871","enableDocumentContentUpdater":true,"version":"1.13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0,"isValidatorEnabled":false,"isLocked":false,"elementsMetadata":[],"slideId":"638065154102592755","enableDocumentContentUpdater":true,"version":"1.13"}]]></TemplafySlideTemplateConfiguration>
</file>

<file path=customXml/item21.xml><?xml version="1.0" encoding="utf-8"?>
<TemplafySlideTemplateConfiguration><![CDATA[{"slideVersion":0,"isValidatorEnabled":false,"isLocked":false,"elementsMetadata":[],"slideId":"638097205772835147","enableDocumentContentUpdater":true,"version":"1.13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0,"isValidatorEnabled":false,"isLocked":false,"elementsMetadata":[],"slideId":"638065154102748986","enableDocumentContentUpdater":true,"version":"1.13"}]]></TemplafySlideTemplateConfiguration>
</file>

<file path=customXml/item24.xml><?xml version="1.0" encoding="utf-8"?>
<TemplafyFormConfiguration><![CDATA[{"formFields":[{"dataSource":"LogoPowerPoint","displayColumn":"id","hideIfNoUserInteractionRequired":true,"distinct":true,"required":false,"autoSelectFirstOption":true,"helpTexts":{"prefix":"","postfix":""},"spacing":{},"type":"dropDown","name":"Logo","label":"Logo","fullyQualifiedName":"Logo"}],"formDataEntries":[{"name":"Logo","value":"Z2eF3iymXGQicZCtNG1OaA=="}]}]]></TemplafyFormConfiguration>
</file>

<file path=customXml/item25.xml><?xml version="1.0" encoding="utf-8"?>
<TemplafySlideTemplateConfiguration><![CDATA[{"slideVersion":0,"isValidatorEnabled":false,"isLocked":false,"elementsMetadata":[],"slideId":"638097205772835148","enableDocumentContentUpdater":true,"version":"1.13"}]]></TemplafySlideTemplateConfiguration>
</file>

<file path=customXml/item2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0,"isValidatorEnabled":false,"isLocked":false,"elementsMetadata":[],"slideId":"638097205772678871","enableDocumentContentUpdater":true,"version":"1.13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0,"isValidatorEnabled":false,"isLocked":false,"elementsMetadata":[],"slideId":"637914799455398208","enableDocumentContentUpdater":true,"version":"1.13"}]]></TemplafySlideTemplateConfiguration>
</file>

<file path=customXml/item35.xml><?xml version="1.0" encoding="utf-8"?>
<TemplafySlideTemplateConfiguration><![CDATA[{"slideVersion":0,"isValidatorEnabled":false,"isLocked":false,"elementsMetadata":[],"slideId":"638065154102749068","enableDocumentContentUpdater":true,"version":"1.13"}]]></TemplafySlideTemplateConfiguration>
</file>

<file path=customXml/item36.xml><?xml version="1.0" encoding="utf-8"?>
<TemplafySlideTemplateConfiguration><![CDATA[{"slideVersion":0,"isValidatorEnabled":false,"isLocked":false,"elementsMetadata":[],"slideId":"637914799455241930","enableDocumentContentUpdater":true,"version":"1.13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0,"isValidatorEnabled":false,"isLocked":false,"elementsMetadata":[],"slideId":"638097205772678871","enableDocumentContentUpdater":true,"version":"1.13"}]]></TemplafySlideTemplateConfiguration>
</file>

<file path=customXml/item39.xml><?xml version="1.0" encoding="utf-8"?>
<TemplafySlideTemplateConfiguration><![CDATA[{"slideVersion":0,"isValidatorEnabled":false,"isLocked":false,"elementsMetadata":[],"slideId":"638096330520987952","enableDocumentContentUpdater":true,"version":"1.13"}]]></TemplafySlideTemplateConfiguration>
</file>

<file path=customXml/item4.xml><?xml version="1.0" encoding="utf-8"?>
<TemplafyTemplateConfiguration><![CDATA[{"elementsMetadata":[{"type":"shape","id":"6ccc20fb-1703-4256-864c-0bc18538870f","elementConfiguration":{"format":"{{DateFormats.CustomA}}","binding":"Form.Date","disableUpdates":false,"type":"date"}},{"type":"shape","id":"bb099368-b179-467f-a5e9-0045b28e465d","elementConfiguration":{"inheritDimensions":"inheritNone","width":"{{Form.Logo.LogoPPTSmallWidth}}","height":"{{Form.Logo.LogoPPTSmallHeight}}","binding":"Form.Logo.LogoPPTSmall","disableUpdates":false,"type":"image"}},{"type":"shape","id":"79c93b02-7f22-4704-a7ef-98caacef48f5","elementConfiguration":{"inheritDimensions":"inheritNone","width":"{{Form.Logo.LogoPPT_Width2}}","height":"{{Form.Logo.LogoPPT_Height2}}","binding":"Form.Logo.LogoPPTBlack","disableUpdates":false,"type":"image"}},{"type":"shape","id":"1488416e-ae60-42da-a602-950dacebc615","elementConfiguration":{"inheritDimensions":"inheritNone","width":"{{Form.Logo.LogoPPTSmallWidth}}","height":"{{Form.Logo.LogoPPTSmallHeight}}","binding":"Form.Logo.LogoPPTSmall","disableUpdates":false,"type":"image"}},{"type":"shape","id":"a65efe70-ae45-4799-b756-848d443dbf44","elementConfiguration":{"inheritDimensions":"inheritNone","width":"{{Form.Logo.LogoPPTWidth}}","height":"{{Form.Logo.LogoPPTHeight}}","binding":"Form.Logo.LogoPPT","disableUpdates":false,"type":"image"}},{"type":"shape","id":"42aefef0-7769-4e85-aad9-eed8e7a48c88","elementConfiguration":{"inheritDimensions":"inheritNone","width":"{{Form.Logo.LogoPPT_Width2}}","height":"{{Form.Logo.LogoPPT_Height2}}","binding":"Form.Logo.LogoPPT_White","disableUpdates":false,"type":"image"}},{"type":"shape","id":"3d523958-de0a-44fc-b7d2-6d3b3ac91690","elementConfiguration":{"templateBinding":"Universität Bern, {{UserProfile.Institution.Shortname}}","disableUpdates":false,"type":"text"}},{"type":"shape","id":"7b76217b-6df5-497f-86fd-a37bffefde7c","elementConfiguration":{"inheritDimensions":"inheritNone","width":"{{Form.Logo.LogoPPTSmallWidth}}","height":"{{Form.Logo.LogoPPTSmallHeight}}","binding":"Form.Logo.LogoPPTSmallWhite","disableUpdates":false,"type":"image"}},{"type":"shape","id":"832ad2da-8657-4226-8462-9599dc957a61","elementConfiguration":{"templateBinding":"Universität Bern, {{UserProfile.Institution.Shortname}}","disableUpdates":false,"type":"text"}},{"type":"shape","id":"398872da-cf19-42b0-b507-1c988ffb1dd9","elementConfiguration":{"inheritDimensions":"inheritNone","width":"{{Form.Logo.LogoPPTSmallWidth}}","height":"{{Form.Logo.LogoPPTSmallHeight}}","binding":"Form.Logo.LogoPPTSmallWhite","disableUpdates":false,"type":"image"}},{"type":"shape","id":"53851b6a-bdf9-46cc-b2fb-8980b21c9bb5","elementConfiguration":{"inheritDimensions":"inheritNone","width":"{{Form.Logo.LogoPPT_Width2}}","height":"{{Form.Logo.LogoPPT_Height2}}","binding":"Form.Logo.LogoPPT_White","disableUpdates":false,"type":"image"}}],"transformationConfigurations":[],"templateName":"","templateDescription":"","enableDocumentContentUpdater":true,"version":"1.13"}]]></Templafy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0,"isValidatorEnabled":false,"isLocked":false,"elementsMetadata":[],"slideId":"638097205772678871","enableDocumentContentUpdater":true,"version":"1.13"}]]></TemplafySlideTemplateConfiguration>
</file>

<file path=customXml/item43.xml><?xml version="1.0" encoding="utf-8"?>
<TemplafySlideTemplateConfiguration><![CDATA[{"slideVersion":0,"isValidatorEnabled":false,"isLocked":false,"elementsMetadata":[],"slideId":"637910471548509700","enableDocumentContentUpdater":true,"version":"1.13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0,"isValidatorEnabled":false,"isLocked":false,"elementsMetadata":[],"slideId":"638097205772522617","enableDocumentContentUpdater":true,"version":"1.1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0,"isValidatorEnabled":false,"isLocked":false,"elementsMetadata":[],"slideId":"638096330520987953","enableDocumentContentUpdater":true,"version":"1.1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196E058-6831-46CE-AD95-4B3E5AD234B6}">
  <ds:schemaRefs/>
</ds:datastoreItem>
</file>

<file path=customXml/itemProps10.xml><?xml version="1.0" encoding="utf-8"?>
<ds:datastoreItem xmlns:ds="http://schemas.openxmlformats.org/officeDocument/2006/customXml" ds:itemID="{C1F619F9-CF71-E746-B3A8-D66ECE13D63C}">
  <ds:schemaRefs/>
</ds:datastoreItem>
</file>

<file path=customXml/itemProps11.xml><?xml version="1.0" encoding="utf-8"?>
<ds:datastoreItem xmlns:ds="http://schemas.openxmlformats.org/officeDocument/2006/customXml" ds:itemID="{D3CCB4CD-9FBA-4673-82C4-1275D7A40D99}">
  <ds:schemaRefs/>
</ds:datastoreItem>
</file>

<file path=customXml/itemProps12.xml><?xml version="1.0" encoding="utf-8"?>
<ds:datastoreItem xmlns:ds="http://schemas.openxmlformats.org/officeDocument/2006/customXml" ds:itemID="{EBCC1A41-2D6D-4E11-856A-CDE480C49392}">
  <ds:schemaRefs/>
</ds:datastoreItem>
</file>

<file path=customXml/itemProps13.xml><?xml version="1.0" encoding="utf-8"?>
<ds:datastoreItem xmlns:ds="http://schemas.openxmlformats.org/officeDocument/2006/customXml" ds:itemID="{84E839F1-E1D2-4A6A-8B5B-76E87D8BC3DE}">
  <ds:schemaRefs/>
</ds:datastoreItem>
</file>

<file path=customXml/itemProps14.xml><?xml version="1.0" encoding="utf-8"?>
<ds:datastoreItem xmlns:ds="http://schemas.openxmlformats.org/officeDocument/2006/customXml" ds:itemID="{CA0C02DB-13BD-4C70-A36C-4E0C1B4A713E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43038F1A-B00B-4E6D-8FA1-D4E3B8C52E9F}">
  <ds:schemaRefs/>
</ds:datastoreItem>
</file>

<file path=customXml/itemProps16.xml><?xml version="1.0" encoding="utf-8"?>
<ds:datastoreItem xmlns:ds="http://schemas.openxmlformats.org/officeDocument/2006/customXml" ds:itemID="{B22C85D1-CBE7-4726-A781-C63A77A62431}">
  <ds:schemaRefs/>
</ds:datastoreItem>
</file>

<file path=customXml/itemProps17.xml><?xml version="1.0" encoding="utf-8"?>
<ds:datastoreItem xmlns:ds="http://schemas.openxmlformats.org/officeDocument/2006/customXml" ds:itemID="{2511B040-502F-4087-AE33-8BF5F823DAAC}">
  <ds:schemaRefs/>
</ds:datastoreItem>
</file>

<file path=customXml/itemProps18.xml><?xml version="1.0" encoding="utf-8"?>
<ds:datastoreItem xmlns:ds="http://schemas.openxmlformats.org/officeDocument/2006/customXml" ds:itemID="{F9763AA5-1E17-4836-BF46-17C92702DB88}">
  <ds:schemaRefs/>
</ds:datastoreItem>
</file>

<file path=customXml/itemProps19.xml><?xml version="1.0" encoding="utf-8"?>
<ds:datastoreItem xmlns:ds="http://schemas.openxmlformats.org/officeDocument/2006/customXml" ds:itemID="{8CEB7C51-0AC8-4F8C-854B-B56658AD5F70}">
  <ds:schemaRefs>
    <ds:schemaRef ds:uri="22a3f1e7-1ad8-4567-967d-700183da1d1b"/>
    <ds:schemaRef ds:uri="aacb7df8-672f-46f2-977f-893ce5cef86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microsoft.com/sharepoint/v3"/>
    <ds:schemaRef ds:uri="http://schemas.openxmlformats.org/package/2006/metadata/core-properties"/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7562379B-7B1E-B846-832B-C9C48BCF9AED}">
  <ds:schemaRefs/>
</ds:datastoreItem>
</file>

<file path=customXml/itemProps20.xml><?xml version="1.0" encoding="utf-8"?>
<ds:datastoreItem xmlns:ds="http://schemas.openxmlformats.org/officeDocument/2006/customXml" ds:itemID="{E7CA2743-AFB0-47C1-AB6C-7BB684732457}">
  <ds:schemaRefs/>
</ds:datastoreItem>
</file>

<file path=customXml/itemProps21.xml><?xml version="1.0" encoding="utf-8"?>
<ds:datastoreItem xmlns:ds="http://schemas.openxmlformats.org/officeDocument/2006/customXml" ds:itemID="{8199B1AF-2236-40D6-8A29-7682F7445C8E}">
  <ds:schemaRefs/>
</ds:datastoreItem>
</file>

<file path=customXml/itemProps22.xml><?xml version="1.0" encoding="utf-8"?>
<ds:datastoreItem xmlns:ds="http://schemas.openxmlformats.org/officeDocument/2006/customXml" ds:itemID="{9372348B-D924-4A15-B7DE-C52A1EC43A9D}">
  <ds:schemaRefs/>
</ds:datastoreItem>
</file>

<file path=customXml/itemProps23.xml><?xml version="1.0" encoding="utf-8"?>
<ds:datastoreItem xmlns:ds="http://schemas.openxmlformats.org/officeDocument/2006/customXml" ds:itemID="{69EF89B5-D419-4AC3-9124-5C347603C8C3}">
  <ds:schemaRefs/>
</ds:datastoreItem>
</file>

<file path=customXml/itemProps24.xml><?xml version="1.0" encoding="utf-8"?>
<ds:datastoreItem xmlns:ds="http://schemas.openxmlformats.org/officeDocument/2006/customXml" ds:itemID="{F6F60DA4-B48E-4AC5-BEB5-DA3265DA113C}">
  <ds:schemaRefs/>
</ds:datastoreItem>
</file>

<file path=customXml/itemProps25.xml><?xml version="1.0" encoding="utf-8"?>
<ds:datastoreItem xmlns:ds="http://schemas.openxmlformats.org/officeDocument/2006/customXml" ds:itemID="{EE483194-5BCD-40B0-A73A-42A809D358EA}">
  <ds:schemaRefs/>
</ds:datastoreItem>
</file>

<file path=customXml/itemProps26.xml><?xml version="1.0" encoding="utf-8"?>
<ds:datastoreItem xmlns:ds="http://schemas.openxmlformats.org/officeDocument/2006/customXml" ds:itemID="{A6C44B17-4605-4067-96ED-FF226EBEF076}">
  <ds:schemaRefs>
    <ds:schemaRef ds:uri="22a3f1e7-1ad8-4567-967d-700183da1d1b"/>
    <ds:schemaRef ds:uri="aacb7df8-672f-46f2-977f-893ce5cef86b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http://schemas.openxmlformats.org/package/2006/metadata/core-properties"/>
    <ds:schemaRef ds:uri="http://www.w3.org/XML/1998/namespace"/>
  </ds:schemaRefs>
</ds:datastoreItem>
</file>

<file path=customXml/itemProps27.xml><?xml version="1.0" encoding="utf-8"?>
<ds:datastoreItem xmlns:ds="http://schemas.openxmlformats.org/officeDocument/2006/customXml" ds:itemID="{0A848CE1-37C1-4AFE-93DF-8CF156D4FC8E}">
  <ds:schemaRefs/>
</ds:datastoreItem>
</file>

<file path=customXml/itemProps28.xml><?xml version="1.0" encoding="utf-8"?>
<ds:datastoreItem xmlns:ds="http://schemas.openxmlformats.org/officeDocument/2006/customXml" ds:itemID="{04723C16-F864-456D-9504-001C0D4533D4}">
  <ds:schemaRefs/>
</ds:datastoreItem>
</file>

<file path=customXml/itemProps29.xml><?xml version="1.0" encoding="utf-8"?>
<ds:datastoreItem xmlns:ds="http://schemas.openxmlformats.org/officeDocument/2006/customXml" ds:itemID="{E62EA67E-193E-47B5-B597-2071FBFE882B}">
  <ds:schemaRefs/>
</ds:datastoreItem>
</file>

<file path=customXml/itemProps3.xml><?xml version="1.0" encoding="utf-8"?>
<ds:datastoreItem xmlns:ds="http://schemas.openxmlformats.org/officeDocument/2006/customXml" ds:itemID="{C55A3786-629D-45CE-A3C4-535933DC9870}">
  <ds:schemaRefs/>
</ds:datastoreItem>
</file>

<file path=customXml/itemProps30.xml><?xml version="1.0" encoding="utf-8"?>
<ds:datastoreItem xmlns:ds="http://schemas.openxmlformats.org/officeDocument/2006/customXml" ds:itemID="{E486B101-97FA-4D44-AB09-ABE20F09DCAD}">
  <ds:schemaRefs/>
</ds:datastoreItem>
</file>

<file path=customXml/itemProps31.xml><?xml version="1.0" encoding="utf-8"?>
<ds:datastoreItem xmlns:ds="http://schemas.openxmlformats.org/officeDocument/2006/customXml" ds:itemID="{FB678EB9-5519-4DFC-AC78-E5650D9830DE}">
  <ds:schemaRefs/>
</ds:datastoreItem>
</file>

<file path=customXml/itemProps32.xml><?xml version="1.0" encoding="utf-8"?>
<ds:datastoreItem xmlns:ds="http://schemas.openxmlformats.org/officeDocument/2006/customXml" ds:itemID="{A5F39AFD-FE8A-454A-A4AC-ED499FAE64A2}">
  <ds:schemaRefs/>
</ds:datastoreItem>
</file>

<file path=customXml/itemProps33.xml><?xml version="1.0" encoding="utf-8"?>
<ds:datastoreItem xmlns:ds="http://schemas.openxmlformats.org/officeDocument/2006/customXml" ds:itemID="{07FFDB42-EB20-4CC7-97A5-3E45069361FF}">
  <ds:schemaRefs/>
</ds:datastoreItem>
</file>

<file path=customXml/itemProps34.xml><?xml version="1.0" encoding="utf-8"?>
<ds:datastoreItem xmlns:ds="http://schemas.openxmlformats.org/officeDocument/2006/customXml" ds:itemID="{963A5401-B5BA-4BF8-A30E-6E2A6E9297A7}">
  <ds:schemaRefs/>
</ds:datastoreItem>
</file>

<file path=customXml/itemProps35.xml><?xml version="1.0" encoding="utf-8"?>
<ds:datastoreItem xmlns:ds="http://schemas.openxmlformats.org/officeDocument/2006/customXml" ds:itemID="{52C78FF4-00BC-4DC1-9F0F-207CF5CB158F}">
  <ds:schemaRefs/>
</ds:datastoreItem>
</file>

<file path=customXml/itemProps36.xml><?xml version="1.0" encoding="utf-8"?>
<ds:datastoreItem xmlns:ds="http://schemas.openxmlformats.org/officeDocument/2006/customXml" ds:itemID="{B8F3DA6E-92E6-4653-A966-21B1D6F1BC03}">
  <ds:schemaRefs/>
</ds:datastoreItem>
</file>

<file path=customXml/itemProps37.xml><?xml version="1.0" encoding="utf-8"?>
<ds:datastoreItem xmlns:ds="http://schemas.openxmlformats.org/officeDocument/2006/customXml" ds:itemID="{ADBC14B6-AB9C-4EE4-AA9E-7471A9B89909}">
  <ds:schemaRefs/>
</ds:datastoreItem>
</file>

<file path=customXml/itemProps38.xml><?xml version="1.0" encoding="utf-8"?>
<ds:datastoreItem xmlns:ds="http://schemas.openxmlformats.org/officeDocument/2006/customXml" ds:itemID="{D9757F86-E3CC-4453-83C8-ADB3B12F3F3B}">
  <ds:schemaRefs/>
</ds:datastoreItem>
</file>

<file path=customXml/itemProps39.xml><?xml version="1.0" encoding="utf-8"?>
<ds:datastoreItem xmlns:ds="http://schemas.openxmlformats.org/officeDocument/2006/customXml" ds:itemID="{A40A83B0-393E-404D-A2E6-74AF0A2B55ED}">
  <ds:schemaRefs/>
</ds:datastoreItem>
</file>

<file path=customXml/itemProps4.xml><?xml version="1.0" encoding="utf-8"?>
<ds:datastoreItem xmlns:ds="http://schemas.openxmlformats.org/officeDocument/2006/customXml" ds:itemID="{DE2D74B5-7003-498A-9B48-261A6C907E88}">
  <ds:schemaRefs/>
</ds:datastoreItem>
</file>

<file path=customXml/itemProps40.xml><?xml version="1.0" encoding="utf-8"?>
<ds:datastoreItem xmlns:ds="http://schemas.openxmlformats.org/officeDocument/2006/customXml" ds:itemID="{BADC1D7F-3169-44DC-A86E-6EA50E1B753E}">
  <ds:schemaRefs/>
</ds:datastoreItem>
</file>

<file path=customXml/itemProps41.xml><?xml version="1.0" encoding="utf-8"?>
<ds:datastoreItem xmlns:ds="http://schemas.openxmlformats.org/officeDocument/2006/customXml" ds:itemID="{FFC1A177-20EA-5443-8AF5-BD0A6BA54BBF}">
  <ds:schemaRefs/>
</ds:datastoreItem>
</file>

<file path=customXml/itemProps42.xml><?xml version="1.0" encoding="utf-8"?>
<ds:datastoreItem xmlns:ds="http://schemas.openxmlformats.org/officeDocument/2006/customXml" ds:itemID="{C01A78D8-9D42-4636-B493-B0D7CC417939}">
  <ds:schemaRefs/>
</ds:datastoreItem>
</file>

<file path=customXml/itemProps43.xml><?xml version="1.0" encoding="utf-8"?>
<ds:datastoreItem xmlns:ds="http://schemas.openxmlformats.org/officeDocument/2006/customXml" ds:itemID="{7120D989-3C83-431F-A31F-A844B2206163}">
  <ds:schemaRefs/>
</ds:datastoreItem>
</file>

<file path=customXml/itemProps44.xml><?xml version="1.0" encoding="utf-8"?>
<ds:datastoreItem xmlns:ds="http://schemas.openxmlformats.org/officeDocument/2006/customXml" ds:itemID="{5ABB183D-B2F2-415E-9024-FE8FC3691196}">
  <ds:schemaRefs/>
</ds:datastoreItem>
</file>

<file path=customXml/itemProps45.xml><?xml version="1.0" encoding="utf-8"?>
<ds:datastoreItem xmlns:ds="http://schemas.openxmlformats.org/officeDocument/2006/customXml" ds:itemID="{1AC43E74-5DF0-4115-B5DF-7C4A8130E39D}">
  <ds:schemaRefs/>
</ds:datastoreItem>
</file>

<file path=customXml/itemProps5.xml><?xml version="1.0" encoding="utf-8"?>
<ds:datastoreItem xmlns:ds="http://schemas.openxmlformats.org/officeDocument/2006/customXml" ds:itemID="{7CC91636-283F-42BF-85C1-F81A94A4B112}">
  <ds:schemaRefs/>
</ds:datastoreItem>
</file>

<file path=customXml/itemProps6.xml><?xml version="1.0" encoding="utf-8"?>
<ds:datastoreItem xmlns:ds="http://schemas.openxmlformats.org/officeDocument/2006/customXml" ds:itemID="{DD4A4436-2489-4947-982C-E5326A5D4E82}">
  <ds:schemaRefs/>
</ds:datastoreItem>
</file>

<file path=customXml/itemProps7.xml><?xml version="1.0" encoding="utf-8"?>
<ds:datastoreItem xmlns:ds="http://schemas.openxmlformats.org/officeDocument/2006/customXml" ds:itemID="{E6703E6C-4030-4A7F-A641-67E8826DE16B}">
  <ds:schemaRefs/>
</ds:datastoreItem>
</file>

<file path=customXml/itemProps8.xml><?xml version="1.0" encoding="utf-8"?>
<ds:datastoreItem xmlns:ds="http://schemas.openxmlformats.org/officeDocument/2006/customXml" ds:itemID="{47ADF2E6-B50F-4DE1-A131-96CA45901A5A}">
  <ds:schemaRefs/>
</ds:datastoreItem>
</file>

<file path=customXml/itemProps9.xml><?xml version="1.0" encoding="utf-8"?>
<ds:datastoreItem xmlns:ds="http://schemas.openxmlformats.org/officeDocument/2006/customXml" ds:itemID="{F1969D77-AC26-4812-A90C-591C80742C3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versität Bern</Template>
  <TotalTime>0</TotalTime>
  <Words>77</Words>
  <Application>Microsoft Macintosh PowerPoint</Application>
  <PresentationFormat>Breitbild</PresentationFormat>
  <Paragraphs>21</Paragraphs>
  <Slides>2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4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2</vt:i4>
      </vt:variant>
    </vt:vector>
  </HeadingPairs>
  <TitlesOfParts>
    <vt:vector size="7" baseType="lpstr">
      <vt:lpstr>Arial</vt:lpstr>
      <vt:lpstr>ArialMT</vt:lpstr>
      <vt:lpstr>Calibri</vt:lpstr>
      <vt:lpstr>Courier New</vt:lpstr>
      <vt:lpstr>Universität Bern</vt:lpstr>
      <vt:lpstr>Kompetenzen für die (digitale) Zukunft</vt:lpstr>
      <vt:lpstr>Kompetenzen für die (digitale) Zukunft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äsentation</dc:title>
  <dc:creator>Graf, David (ILUB)</dc:creator>
  <cp:lastModifiedBy>Graf, David (ILUB)</cp:lastModifiedBy>
  <cp:revision>2</cp:revision>
  <dcterms:created xsi:type="dcterms:W3CDTF">2023-02-13T10:16:00Z</dcterms:created>
  <dcterms:modified xsi:type="dcterms:W3CDTF">2023-02-14T16:31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3-01-18T10:04:11.5958463</vt:lpwstr>
  </property>
  <property fmtid="{D5CDD505-2E9C-101B-9397-08002B2CF9AE}" pid="4" name="TemplafyTenantId">
    <vt:lpwstr>unibern</vt:lpwstr>
  </property>
  <property fmtid="{D5CDD505-2E9C-101B-9397-08002B2CF9AE}" pid="5" name="TemplafyTemplateId">
    <vt:lpwstr>638065154097135400</vt:lpwstr>
  </property>
  <property fmtid="{D5CDD505-2E9C-101B-9397-08002B2CF9AE}" pid="6" name="TemplafyUserProfileId">
    <vt:lpwstr>638035914347822947</vt:lpwstr>
  </property>
  <property fmtid="{D5CDD505-2E9C-101B-9397-08002B2CF9AE}" pid="7" name="TemplafyLanguageCode">
    <vt:lpwstr>de-DE</vt:lpwstr>
  </property>
</Properties>
</file>